
<file path=[Content_Types].xml><?xml version="1.0" encoding="utf-8"?>
<Types xmlns="http://schemas.openxmlformats.org/package/2006/content-types">
  <Default Extension="fntdata" ContentType="application/x-fontdata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heme/theme2.xml" ContentType="application/vnd.openxmlformats-officedocument.theme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notesSlides/notesSlide1.xml" ContentType="application/vnd.openxmlformats-officedocument.presentationml.notesSlid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58" r:id="rId1"/>
  </p:sldMasterIdLst>
  <p:notesMasterIdLst>
    <p:notesMasterId r:id="rId6"/>
  </p:notesMasterIdLst>
  <p:sldIdLst>
    <p:sldId id="2147375254" r:id="rId2"/>
    <p:sldId id="2147375240" r:id="rId3"/>
    <p:sldId id="2147375255" r:id="rId4"/>
    <p:sldId id="2147375256" r:id="rId5"/>
  </p:sldIdLst>
  <p:sldSz cx="11963400" cy="6729413"/>
  <p:notesSz cx="6797675" cy="9926638"/>
  <p:embeddedFontLst>
    <p:embeddedFont>
      <p:font typeface="Calibri" panose="020F0502020204030204" pitchFamily="34" charset="0"/>
      <p:regular r:id="rId7"/>
      <p:bold r:id="rId8"/>
      <p:italic r:id="rId9"/>
      <p:boldItalic r:id="rId10"/>
    </p:embeddedFont>
    <p:embeddedFont>
      <p:font typeface="MetaPlusLF" panose="02000503060000020004" pitchFamily="2" charset="0"/>
      <p:regular r:id="rId11"/>
      <p:bold r:id="rId12"/>
    </p:embeddedFont>
  </p:embeddedFontLst>
  <p:defaultTextStyle>
    <a:defPPr>
      <a:defRPr lang="en-US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MetaPlusLF" charset="0"/>
        <a:ea typeface="+mn-ea"/>
        <a:cs typeface="MetaPlusLF" charset="0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MetaPlusLF" charset="0"/>
        <a:ea typeface="+mn-ea"/>
        <a:cs typeface="MetaPlusLF" charset="0"/>
      </a:defRPr>
    </a:lvl9pPr>
  </p:defaultTextStyle>
  <p:extLst>
    <p:ext uri="{521415D9-36F7-43E2-AB2F-B90AF26B5E84}">
      <p14:sectionLst xmlns:p14="http://schemas.microsoft.com/office/powerpoint/2010/main">
        <p14:section name="Standardabschnitt" id="{137D8479-4902-4486-BD5D-30D941E61D86}">
          <p14:sldIdLst>
            <p14:sldId id="2147375254"/>
            <p14:sldId id="2147375240"/>
            <p14:sldId id="2147375255"/>
            <p14:sldId id="2147375256"/>
          </p14:sldIdLst>
        </p14:section>
      </p14:sectionLst>
    </p:ext>
    <p:ext uri="{EFAFB233-063F-42B5-8137-9DF3F51BA10A}">
      <p15:sldGuideLst xmlns:p15="http://schemas.microsoft.com/office/powerpoint/2012/main">
        <p15:guide id="1" pos="3768">
          <p15:clr>
            <a:srgbClr val="A4A3A4"/>
          </p15:clr>
        </p15:guide>
        <p15:guide id="2" orient="horz" pos="2845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505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913" autoAdjust="0"/>
    <p:restoredTop sz="90601" autoAdjust="0"/>
  </p:normalViewPr>
  <p:slideViewPr>
    <p:cSldViewPr snapToGrid="0">
      <p:cViewPr varScale="1">
        <p:scale>
          <a:sx n="146" d="100"/>
          <a:sy n="146" d="100"/>
        </p:scale>
        <p:origin x="384" y="120"/>
      </p:cViewPr>
      <p:guideLst>
        <p:guide pos="3768"/>
        <p:guide orient="horz" pos="2845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66" d="100"/>
          <a:sy n="66" d="100"/>
        </p:scale>
        <p:origin x="0" y="0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font" Target="fonts/font2.fntdata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font" Target="fonts/font1.fntdata"/><Relationship Id="rId12" Type="http://schemas.openxmlformats.org/officeDocument/2006/relationships/font" Target="fonts/font6.fntdata"/><Relationship Id="rId17" Type="http://schemas.microsoft.com/office/2016/11/relationships/changesInfo" Target="changesInfos/changesInfo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notesMaster" Target="notesMasters/notesMaster1.xml"/><Relationship Id="rId11" Type="http://schemas.openxmlformats.org/officeDocument/2006/relationships/font" Target="fonts/font5.fntdata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font" Target="fonts/font4.fntdata"/><Relationship Id="rId4" Type="http://schemas.openxmlformats.org/officeDocument/2006/relationships/slide" Target="slides/slide3.xml"/><Relationship Id="rId9" Type="http://schemas.openxmlformats.org/officeDocument/2006/relationships/font" Target="fonts/font3.fntdata"/><Relationship Id="rId14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itsche, Rainer" userId="b0459796-2dba-4711-99d0-2635315bc4ac" providerId="ADAL" clId="{693462DB-F570-45D2-B339-84AFE9447AA9}"/>
    <pc:docChg chg="undo custSel addSld delSld modSld sldOrd modMainMaster modSection">
      <pc:chgData name="Nitsche, Rainer" userId="b0459796-2dba-4711-99d0-2635315bc4ac" providerId="ADAL" clId="{693462DB-F570-45D2-B339-84AFE9447AA9}" dt="2023-10-09T08:28:29.591" v="3727" actId="6549"/>
      <pc:docMkLst>
        <pc:docMk/>
      </pc:docMkLst>
      <pc:sldChg chg="delSp del mod">
        <pc:chgData name="Nitsche, Rainer" userId="b0459796-2dba-4711-99d0-2635315bc4ac" providerId="ADAL" clId="{693462DB-F570-45D2-B339-84AFE9447AA9}" dt="2023-09-25T12:01:32.871" v="48" actId="47"/>
        <pc:sldMkLst>
          <pc:docMk/>
          <pc:sldMk cId="3232129405" sldId="256"/>
        </pc:sldMkLst>
        <pc:spChg chg="del">
          <ac:chgData name="Nitsche, Rainer" userId="b0459796-2dba-4711-99d0-2635315bc4ac" providerId="ADAL" clId="{693462DB-F570-45D2-B339-84AFE9447AA9}" dt="2023-09-25T12:00:43.685" v="0" actId="478"/>
          <ac:spMkLst>
            <pc:docMk/>
            <pc:sldMk cId="3232129405" sldId="256"/>
            <ac:spMk id="16" creationId="{C9EA7696-80B5-48AE-878F-0CBF84151847}"/>
          </ac:spMkLst>
        </pc:spChg>
        <pc:spChg chg="del">
          <ac:chgData name="Nitsche, Rainer" userId="b0459796-2dba-4711-99d0-2635315bc4ac" providerId="ADAL" clId="{693462DB-F570-45D2-B339-84AFE9447AA9}" dt="2023-09-25T12:00:48.448" v="2" actId="478"/>
          <ac:spMkLst>
            <pc:docMk/>
            <pc:sldMk cId="3232129405" sldId="256"/>
            <ac:spMk id="18" creationId="{AFBF8552-5C51-4971-8471-955939E8B866}"/>
          </ac:spMkLst>
        </pc:spChg>
        <pc:cxnChg chg="del">
          <ac:chgData name="Nitsche, Rainer" userId="b0459796-2dba-4711-99d0-2635315bc4ac" providerId="ADAL" clId="{693462DB-F570-45D2-B339-84AFE9447AA9}" dt="2023-09-25T12:00:46.703" v="1" actId="478"/>
          <ac:cxnSpMkLst>
            <pc:docMk/>
            <pc:sldMk cId="3232129405" sldId="256"/>
            <ac:cxnSpMk id="17" creationId="{483E652B-1568-459F-87EC-DB5E0076A4AE}"/>
          </ac:cxnSpMkLst>
        </pc:cxnChg>
      </pc:sldChg>
      <pc:sldChg chg="del">
        <pc:chgData name="Nitsche, Rainer" userId="b0459796-2dba-4711-99d0-2635315bc4ac" providerId="ADAL" clId="{693462DB-F570-45D2-B339-84AFE9447AA9}" dt="2023-09-25T12:01:36.429" v="49" actId="47"/>
        <pc:sldMkLst>
          <pc:docMk/>
          <pc:sldMk cId="2519036181" sldId="258"/>
        </pc:sldMkLst>
      </pc:sldChg>
      <pc:sldChg chg="modSp del mod">
        <pc:chgData name="Nitsche, Rainer" userId="b0459796-2dba-4711-99d0-2635315bc4ac" providerId="ADAL" clId="{693462DB-F570-45D2-B339-84AFE9447AA9}" dt="2023-09-25T12:01:54.045" v="53" actId="47"/>
        <pc:sldMkLst>
          <pc:docMk/>
          <pc:sldMk cId="3323622515" sldId="2147375237"/>
        </pc:sldMkLst>
        <pc:picChg chg="mod">
          <ac:chgData name="Nitsche, Rainer" userId="b0459796-2dba-4711-99d0-2635315bc4ac" providerId="ADAL" clId="{693462DB-F570-45D2-B339-84AFE9447AA9}" dt="2023-09-25T12:01:45.817" v="50" actId="1076"/>
          <ac:picMkLst>
            <pc:docMk/>
            <pc:sldMk cId="3323622515" sldId="2147375237"/>
            <ac:picMk id="33" creationId="{54755C16-B2AC-E385-C082-2BFCA1A89721}"/>
          </ac:picMkLst>
        </pc:picChg>
      </pc:sldChg>
      <pc:sldChg chg="addSp delSp modSp new mod modNotesTx">
        <pc:chgData name="Nitsche, Rainer" userId="b0459796-2dba-4711-99d0-2635315bc4ac" providerId="ADAL" clId="{693462DB-F570-45D2-B339-84AFE9447AA9}" dt="2023-10-09T08:28:29.591" v="3727" actId="6549"/>
        <pc:sldMkLst>
          <pc:docMk/>
          <pc:sldMk cId="2137624205" sldId="2147375238"/>
        </pc:sldMkLst>
        <pc:spChg chg="mod">
          <ac:chgData name="Nitsche, Rainer" userId="b0459796-2dba-4711-99d0-2635315bc4ac" providerId="ADAL" clId="{693462DB-F570-45D2-B339-84AFE9447AA9}" dt="2023-10-06T06:58:09.145" v="3166" actId="20577"/>
          <ac:spMkLst>
            <pc:docMk/>
            <pc:sldMk cId="2137624205" sldId="2147375238"/>
            <ac:spMk id="3" creationId="{DE6F6B1C-BB8E-8CE1-DC5D-9B107569CEAB}"/>
          </ac:spMkLst>
        </pc:spChg>
        <pc:spChg chg="mod">
          <ac:chgData name="Nitsche, Rainer" userId="b0459796-2dba-4711-99d0-2635315bc4ac" providerId="ADAL" clId="{693462DB-F570-45D2-B339-84AFE9447AA9}" dt="2023-10-06T06:57:54.417" v="3160" actId="20577"/>
          <ac:spMkLst>
            <pc:docMk/>
            <pc:sldMk cId="2137624205" sldId="2147375238"/>
            <ac:spMk id="4" creationId="{D0BA69E1-4BCD-2F7C-E994-BC96FB4B7A88}"/>
          </ac:spMkLst>
        </pc:spChg>
        <pc:spChg chg="add mod">
          <ac:chgData name="Nitsche, Rainer" userId="b0459796-2dba-4711-99d0-2635315bc4ac" providerId="ADAL" clId="{693462DB-F570-45D2-B339-84AFE9447AA9}" dt="2023-09-27T06:15:26.633" v="3058" actId="1036"/>
          <ac:spMkLst>
            <pc:docMk/>
            <pc:sldMk cId="2137624205" sldId="2147375238"/>
            <ac:spMk id="5" creationId="{507ACAF3-5EC2-DB2F-668E-95C3D0F93CFE}"/>
          </ac:spMkLst>
        </pc:spChg>
        <pc:spChg chg="del">
          <ac:chgData name="Nitsche, Rainer" userId="b0459796-2dba-4711-99d0-2635315bc4ac" providerId="ADAL" clId="{693462DB-F570-45D2-B339-84AFE9447AA9}" dt="2023-09-25T12:06:07.829" v="198" actId="478"/>
          <ac:spMkLst>
            <pc:docMk/>
            <pc:sldMk cId="2137624205" sldId="2147375238"/>
            <ac:spMk id="5" creationId="{5D04BF72-46D8-0B6C-5876-EC71D39D2410}"/>
          </ac:spMkLst>
        </pc:spChg>
        <pc:spChg chg="add del">
          <ac:chgData name="Nitsche, Rainer" userId="b0459796-2dba-4711-99d0-2635315bc4ac" providerId="ADAL" clId="{693462DB-F570-45D2-B339-84AFE9447AA9}" dt="2023-09-26T09:11:15.108" v="1473" actId="478"/>
          <ac:spMkLst>
            <pc:docMk/>
            <pc:sldMk cId="2137624205" sldId="2147375238"/>
            <ac:spMk id="6" creationId="{589BF6BF-8B6C-6A91-391F-43294B377D32}"/>
          </ac:spMkLst>
        </pc:spChg>
        <pc:spChg chg="add del mod">
          <ac:chgData name="Nitsche, Rainer" userId="b0459796-2dba-4711-99d0-2635315bc4ac" providerId="ADAL" clId="{693462DB-F570-45D2-B339-84AFE9447AA9}" dt="2023-09-27T06:14:42.877" v="2958" actId="478"/>
          <ac:spMkLst>
            <pc:docMk/>
            <pc:sldMk cId="2137624205" sldId="2147375238"/>
            <ac:spMk id="6" creationId="{B2F9FD50-FFF0-33C6-4F66-0C0412D50B99}"/>
          </ac:spMkLst>
        </pc:spChg>
        <pc:spChg chg="add mod">
          <ac:chgData name="Nitsche, Rainer" userId="b0459796-2dba-4711-99d0-2635315bc4ac" providerId="ADAL" clId="{693462DB-F570-45D2-B339-84AFE9447AA9}" dt="2023-09-26T09:11:53.308" v="1483" actId="1076"/>
          <ac:spMkLst>
            <pc:docMk/>
            <pc:sldMk cId="2137624205" sldId="2147375238"/>
            <ac:spMk id="7" creationId="{50B91B22-6DFE-2E8F-4DE3-5EDD5F19BCA3}"/>
          </ac:spMkLst>
        </pc:spChg>
        <pc:spChg chg="add del">
          <ac:chgData name="Nitsche, Rainer" userId="b0459796-2dba-4711-99d0-2635315bc4ac" providerId="ADAL" clId="{693462DB-F570-45D2-B339-84AFE9447AA9}" dt="2023-09-25T12:01:11.385" v="5" actId="478"/>
          <ac:spMkLst>
            <pc:docMk/>
            <pc:sldMk cId="2137624205" sldId="2147375238"/>
            <ac:spMk id="7" creationId="{C46D2E34-B4FF-3D8B-0ADC-2E114260BB55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0" creationId="{AEA76E82-6D9C-3FDA-343B-8400AA85A548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1" creationId="{000E36A3-99A2-2C31-C19A-D1CEC156A576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2" creationId="{F29E8666-15F9-8693-2F2B-3D2F6DF63FB8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3" creationId="{D075CDEF-3CB1-5E48-D05B-1FB81D3BE886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4" creationId="{95A727A8-A681-205C-E4A3-AD2356C42906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5" creationId="{9600C82F-681E-C9D3-F3F7-FBCDFC72CFF1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6" creationId="{22B80FFE-7B75-A782-F19A-7581A6E240C1}"/>
          </ac:spMkLst>
        </pc:spChg>
        <pc:spChg chg="mod">
          <ac:chgData name="Nitsche, Rainer" userId="b0459796-2dba-4711-99d0-2635315bc4ac" providerId="ADAL" clId="{693462DB-F570-45D2-B339-84AFE9447AA9}" dt="2023-09-25T12:01:17.546" v="6"/>
          <ac:spMkLst>
            <pc:docMk/>
            <pc:sldMk cId="2137624205" sldId="2147375238"/>
            <ac:spMk id="17" creationId="{2530A07F-2996-E82A-2FA4-BCF283666492}"/>
          </ac:spMkLst>
        </pc:spChg>
        <pc:spChg chg="add mod">
          <ac:chgData name="Nitsche, Rainer" userId="b0459796-2dba-4711-99d0-2635315bc4ac" providerId="ADAL" clId="{693462DB-F570-45D2-B339-84AFE9447AA9}" dt="2023-09-26T09:11:58.152" v="1485" actId="1076"/>
          <ac:spMkLst>
            <pc:docMk/>
            <pc:sldMk cId="2137624205" sldId="2147375238"/>
            <ac:spMk id="19" creationId="{F4C4C376-6A55-AE21-C116-69C9E7D5823D}"/>
          </ac:spMkLst>
        </pc:spChg>
        <pc:spChg chg="add mod">
          <ac:chgData name="Nitsche, Rainer" userId="b0459796-2dba-4711-99d0-2635315bc4ac" providerId="ADAL" clId="{693462DB-F570-45D2-B339-84AFE9447AA9}" dt="2023-09-26T09:12:11.767" v="1554" actId="1038"/>
          <ac:spMkLst>
            <pc:docMk/>
            <pc:sldMk cId="2137624205" sldId="2147375238"/>
            <ac:spMk id="20" creationId="{861C3CE7-3ADC-0800-F736-008C4310608B}"/>
          </ac:spMkLst>
        </pc:spChg>
        <pc:spChg chg="add mod">
          <ac:chgData name="Nitsche, Rainer" userId="b0459796-2dba-4711-99d0-2635315bc4ac" providerId="ADAL" clId="{693462DB-F570-45D2-B339-84AFE9447AA9}" dt="2023-09-26T09:12:11.767" v="1554" actId="1038"/>
          <ac:spMkLst>
            <pc:docMk/>
            <pc:sldMk cId="2137624205" sldId="2147375238"/>
            <ac:spMk id="22" creationId="{806F25D2-8524-33E7-8300-BE96E3E35AE2}"/>
          </ac:spMkLst>
        </pc:spChg>
        <pc:spChg chg="add mod">
          <ac:chgData name="Nitsche, Rainer" userId="b0459796-2dba-4711-99d0-2635315bc4ac" providerId="ADAL" clId="{693462DB-F570-45D2-B339-84AFE9447AA9}" dt="2023-09-27T06:12:42.572" v="2949" actId="1076"/>
          <ac:spMkLst>
            <pc:docMk/>
            <pc:sldMk cId="2137624205" sldId="2147375238"/>
            <ac:spMk id="23" creationId="{2D0AD872-2B10-FE4B-1FDB-90BB31EC37F6}"/>
          </ac:spMkLst>
        </pc:spChg>
        <pc:spChg chg="add mod">
          <ac:chgData name="Nitsche, Rainer" userId="b0459796-2dba-4711-99d0-2635315bc4ac" providerId="ADAL" clId="{693462DB-F570-45D2-B339-84AFE9447AA9}" dt="2023-09-27T06:14:51.927" v="2959"/>
          <ac:spMkLst>
            <pc:docMk/>
            <pc:sldMk cId="2137624205" sldId="2147375238"/>
            <ac:spMk id="25" creationId="{9E4BFC5B-D3C0-3B33-0493-F29FD01444A6}"/>
          </ac:spMkLst>
        </pc:spChg>
        <pc:spChg chg="add del">
          <ac:chgData name="Nitsche, Rainer" userId="b0459796-2dba-4711-99d0-2635315bc4ac" providerId="ADAL" clId="{693462DB-F570-45D2-B339-84AFE9447AA9}" dt="2023-09-25T12:18:23.599" v="635" actId="478"/>
          <ac:spMkLst>
            <pc:docMk/>
            <pc:sldMk cId="2137624205" sldId="2147375238"/>
            <ac:spMk id="25" creationId="{D937FDCB-8C8F-149C-335F-61113AE0EB43}"/>
          </ac:spMkLst>
        </pc:spChg>
        <pc:spChg chg="add mod">
          <ac:chgData name="Nitsche, Rainer" userId="b0459796-2dba-4711-99d0-2635315bc4ac" providerId="ADAL" clId="{693462DB-F570-45D2-B339-84AFE9447AA9}" dt="2023-09-27T06:14:51.927" v="2959"/>
          <ac:spMkLst>
            <pc:docMk/>
            <pc:sldMk cId="2137624205" sldId="2147375238"/>
            <ac:spMk id="26" creationId="{89A174C1-07E5-FC4D-3A10-90BF3633C389}"/>
          </ac:spMkLst>
        </pc:spChg>
        <pc:grpChg chg="add mod">
          <ac:chgData name="Nitsche, Rainer" userId="b0459796-2dba-4711-99d0-2635315bc4ac" providerId="ADAL" clId="{693462DB-F570-45D2-B339-84AFE9447AA9}" dt="2023-09-25T12:01:28.489" v="47" actId="1038"/>
          <ac:grpSpMkLst>
            <pc:docMk/>
            <pc:sldMk cId="2137624205" sldId="2147375238"/>
            <ac:grpSpMk id="8" creationId="{F662E512-88AF-25FA-7F41-4BFAB8BFA7F8}"/>
          </ac:grpSpMkLst>
        </pc:grpChg>
        <pc:grpChg chg="mod">
          <ac:chgData name="Nitsche, Rainer" userId="b0459796-2dba-4711-99d0-2635315bc4ac" providerId="ADAL" clId="{693462DB-F570-45D2-B339-84AFE9447AA9}" dt="2023-09-25T12:01:17.546" v="6"/>
          <ac:grpSpMkLst>
            <pc:docMk/>
            <pc:sldMk cId="2137624205" sldId="2147375238"/>
            <ac:grpSpMk id="9" creationId="{828B5B97-B9A2-C8FF-1F95-8A18A5CF6A99}"/>
          </ac:grpSpMkLst>
        </pc:grpChg>
        <pc:picChg chg="add mod">
          <ac:chgData name="Nitsche, Rainer" userId="b0459796-2dba-4711-99d0-2635315bc4ac" providerId="ADAL" clId="{693462DB-F570-45D2-B339-84AFE9447AA9}" dt="2023-09-27T06:14:57.530" v="2960" actId="1076"/>
          <ac:picMkLst>
            <pc:docMk/>
            <pc:sldMk cId="2137624205" sldId="2147375238"/>
            <ac:picMk id="18" creationId="{973CB106-C567-501C-3B79-C22E9AA65B29}"/>
          </ac:picMkLst>
        </pc:picChg>
        <pc:picChg chg="add del mod">
          <ac:chgData name="Nitsche, Rainer" userId="b0459796-2dba-4711-99d0-2635315bc4ac" providerId="ADAL" clId="{693462DB-F570-45D2-B339-84AFE9447AA9}" dt="2023-09-25T12:05:41.386" v="191" actId="478"/>
          <ac:picMkLst>
            <pc:docMk/>
            <pc:sldMk cId="2137624205" sldId="2147375238"/>
            <ac:picMk id="19" creationId="{19C7B2CB-BA3B-2DBA-29B5-66A90DCBBE3B}"/>
          </ac:picMkLst>
        </pc:picChg>
        <pc:picChg chg="add del mod">
          <ac:chgData name="Nitsche, Rainer" userId="b0459796-2dba-4711-99d0-2635315bc4ac" providerId="ADAL" clId="{693462DB-F570-45D2-B339-84AFE9447AA9}" dt="2023-09-27T06:14:41.006" v="2957" actId="478"/>
          <ac:picMkLst>
            <pc:docMk/>
            <pc:sldMk cId="2137624205" sldId="2147375238"/>
            <ac:picMk id="21" creationId="{0E4E7414-E211-CA9D-3CE4-A7218EAD92A7}"/>
          </ac:picMkLst>
        </pc:picChg>
        <pc:picChg chg="add mod">
          <ac:chgData name="Nitsche, Rainer" userId="b0459796-2dba-4711-99d0-2635315bc4ac" providerId="ADAL" clId="{693462DB-F570-45D2-B339-84AFE9447AA9}" dt="2023-09-27T06:14:51.927" v="2959"/>
          <ac:picMkLst>
            <pc:docMk/>
            <pc:sldMk cId="2137624205" sldId="2147375238"/>
            <ac:picMk id="24" creationId="{11C897D5-9CC6-86BC-40F3-A5C47F449A7E}"/>
          </ac:picMkLst>
        </pc:picChg>
        <pc:picChg chg="add del mod">
          <ac:chgData name="Nitsche, Rainer" userId="b0459796-2dba-4711-99d0-2635315bc4ac" providerId="ADAL" clId="{693462DB-F570-45D2-B339-84AFE9447AA9}" dt="2023-09-25T12:18:56.292" v="644" actId="478"/>
          <ac:picMkLst>
            <pc:docMk/>
            <pc:sldMk cId="2137624205" sldId="2147375238"/>
            <ac:picMk id="27" creationId="{46D0FF3A-D89F-34F8-67FC-8E99BEFFDDDA}"/>
          </ac:picMkLst>
        </pc:picChg>
        <pc:picChg chg="add mod">
          <ac:chgData name="Nitsche, Rainer" userId="b0459796-2dba-4711-99d0-2635315bc4ac" providerId="ADAL" clId="{693462DB-F570-45D2-B339-84AFE9447AA9}" dt="2023-09-27T06:11:49.879" v="2945"/>
          <ac:picMkLst>
            <pc:docMk/>
            <pc:sldMk cId="2137624205" sldId="2147375238"/>
            <ac:picMk id="28" creationId="{609DBCEF-BEB3-60A4-4D82-00459624C416}"/>
          </ac:picMkLst>
        </pc:picChg>
        <pc:picChg chg="add mod ord">
          <ac:chgData name="Nitsche, Rainer" userId="b0459796-2dba-4711-99d0-2635315bc4ac" providerId="ADAL" clId="{693462DB-F570-45D2-B339-84AFE9447AA9}" dt="2023-09-27T06:15:26.633" v="3058" actId="1036"/>
          <ac:picMkLst>
            <pc:docMk/>
            <pc:sldMk cId="2137624205" sldId="2147375238"/>
            <ac:picMk id="29" creationId="{73A9E1C1-F537-2579-8082-515865CCA248}"/>
          </ac:picMkLst>
        </pc:picChg>
      </pc:sldChg>
      <pc:sldChg chg="addSp delSp modSp add del mod">
        <pc:chgData name="Nitsche, Rainer" userId="b0459796-2dba-4711-99d0-2635315bc4ac" providerId="ADAL" clId="{693462DB-F570-45D2-B339-84AFE9447AA9}" dt="2023-09-26T09:02:47.943" v="1067" actId="47"/>
        <pc:sldMkLst>
          <pc:docMk/>
          <pc:sldMk cId="422496560" sldId="2147375239"/>
        </pc:sldMkLst>
        <pc:spChg chg="del">
          <ac:chgData name="Nitsche, Rainer" userId="b0459796-2dba-4711-99d0-2635315bc4ac" providerId="ADAL" clId="{693462DB-F570-45D2-B339-84AFE9447AA9}" dt="2023-09-25T12:19:44.247" v="656" actId="478"/>
          <ac:spMkLst>
            <pc:docMk/>
            <pc:sldMk cId="422496560" sldId="2147375239"/>
            <ac:spMk id="3" creationId="{DE6F6B1C-BB8E-8CE1-DC5D-9B107569CEAB}"/>
          </ac:spMkLst>
        </pc:spChg>
        <pc:spChg chg="del">
          <ac:chgData name="Nitsche, Rainer" userId="b0459796-2dba-4711-99d0-2635315bc4ac" providerId="ADAL" clId="{693462DB-F570-45D2-B339-84AFE9447AA9}" dt="2023-09-25T12:18:43.915" v="639" actId="478"/>
          <ac:spMkLst>
            <pc:docMk/>
            <pc:sldMk cId="422496560" sldId="2147375239"/>
            <ac:spMk id="5" creationId="{5D04BF72-46D8-0B6C-5876-EC71D39D2410}"/>
          </ac:spMkLst>
        </pc:spChg>
        <pc:picChg chg="add mod">
          <ac:chgData name="Nitsche, Rainer" userId="b0459796-2dba-4711-99d0-2635315bc4ac" providerId="ADAL" clId="{693462DB-F570-45D2-B339-84AFE9447AA9}" dt="2023-09-25T12:19:41.356" v="655" actId="1076"/>
          <ac:picMkLst>
            <pc:docMk/>
            <pc:sldMk cId="422496560" sldId="2147375239"/>
            <ac:picMk id="7" creationId="{87FD09B9-21D2-2653-F0F4-480E54438F1D}"/>
          </ac:picMkLst>
        </pc:picChg>
        <pc:picChg chg="del">
          <ac:chgData name="Nitsche, Rainer" userId="b0459796-2dba-4711-99d0-2635315bc4ac" providerId="ADAL" clId="{693462DB-F570-45D2-B339-84AFE9447AA9}" dt="2023-09-25T12:18:53.892" v="643" actId="478"/>
          <ac:picMkLst>
            <pc:docMk/>
            <pc:sldMk cId="422496560" sldId="2147375239"/>
            <ac:picMk id="18" creationId="{973CB106-C567-501C-3B79-C22E9AA65B29}"/>
          </ac:picMkLst>
        </pc:picChg>
        <pc:picChg chg="add mod">
          <ac:chgData name="Nitsche, Rainer" userId="b0459796-2dba-4711-99d0-2635315bc4ac" providerId="ADAL" clId="{693462DB-F570-45D2-B339-84AFE9447AA9}" dt="2023-09-25T12:19:54.040" v="659" actId="1076"/>
          <ac:picMkLst>
            <pc:docMk/>
            <pc:sldMk cId="422496560" sldId="2147375239"/>
            <ac:picMk id="20" creationId="{BE039ED3-6F9C-BC75-01B4-A99E54A3823F}"/>
          </ac:picMkLst>
        </pc:picChg>
      </pc:sldChg>
      <pc:sldChg chg="addSp delSp modSp add mod ord">
        <pc:chgData name="Nitsche, Rainer" userId="b0459796-2dba-4711-99d0-2635315bc4ac" providerId="ADAL" clId="{693462DB-F570-45D2-B339-84AFE9447AA9}" dt="2023-10-09T08:18:21.910" v="3726" actId="20577"/>
        <pc:sldMkLst>
          <pc:docMk/>
          <pc:sldMk cId="896859053" sldId="2147375240"/>
        </pc:sldMkLst>
        <pc:spChg chg="mod">
          <ac:chgData name="Nitsche, Rainer" userId="b0459796-2dba-4711-99d0-2635315bc4ac" providerId="ADAL" clId="{693462DB-F570-45D2-B339-84AFE9447AA9}" dt="2023-10-09T08:17:03.412" v="3674" actId="20577"/>
          <ac:spMkLst>
            <pc:docMk/>
            <pc:sldMk cId="896859053" sldId="2147375240"/>
            <ac:spMk id="3" creationId="{DE6F6B1C-BB8E-8CE1-DC5D-9B107569CEAB}"/>
          </ac:spMkLst>
        </pc:spChg>
        <pc:spChg chg="mod">
          <ac:chgData name="Nitsche, Rainer" userId="b0459796-2dba-4711-99d0-2635315bc4ac" providerId="ADAL" clId="{693462DB-F570-45D2-B339-84AFE9447AA9}" dt="2023-10-06T06:54:47.044" v="3135" actId="313"/>
          <ac:spMkLst>
            <pc:docMk/>
            <pc:sldMk cId="896859053" sldId="2147375240"/>
            <ac:spMk id="4" creationId="{D0BA69E1-4BCD-2F7C-E994-BC96FB4B7A88}"/>
          </ac:spMkLst>
        </pc:spChg>
        <pc:spChg chg="add mod ord">
          <ac:chgData name="Nitsche, Rainer" userId="b0459796-2dba-4711-99d0-2635315bc4ac" providerId="ADAL" clId="{693462DB-F570-45D2-B339-84AFE9447AA9}" dt="2023-10-06T10:07:22.770" v="3261" actId="1036"/>
          <ac:spMkLst>
            <pc:docMk/>
            <pc:sldMk cId="896859053" sldId="2147375240"/>
            <ac:spMk id="5" creationId="{0801D4A1-8435-0C3C-9615-94336BE0ACB4}"/>
          </ac:spMkLst>
        </pc:spChg>
        <pc:spChg chg="add del mod">
          <ac:chgData name="Nitsche, Rainer" userId="b0459796-2dba-4711-99d0-2635315bc4ac" providerId="ADAL" clId="{693462DB-F570-45D2-B339-84AFE9447AA9}" dt="2023-09-27T05:52:08.360" v="2396" actId="478"/>
          <ac:spMkLst>
            <pc:docMk/>
            <pc:sldMk cId="896859053" sldId="2147375240"/>
            <ac:spMk id="6" creationId="{D4089E54-D9ED-4F29-4080-32FED3D45478}"/>
          </ac:spMkLst>
        </pc:spChg>
        <pc:spChg chg="add del">
          <ac:chgData name="Nitsche, Rainer" userId="b0459796-2dba-4711-99d0-2635315bc4ac" providerId="ADAL" clId="{693462DB-F570-45D2-B339-84AFE9447AA9}" dt="2023-09-26T08:58:58.558" v="1033" actId="478"/>
          <ac:spMkLst>
            <pc:docMk/>
            <pc:sldMk cId="896859053" sldId="2147375240"/>
            <ac:spMk id="18" creationId="{4BA94DA9-2CD3-EDAA-521D-69DDCF1F8B2B}"/>
          </ac:spMkLst>
        </pc:spChg>
        <pc:spChg chg="add del mod ord">
          <ac:chgData name="Nitsche, Rainer" userId="b0459796-2dba-4711-99d0-2635315bc4ac" providerId="ADAL" clId="{693462DB-F570-45D2-B339-84AFE9447AA9}" dt="2023-09-27T05:55:20.095" v="2421" actId="478"/>
          <ac:spMkLst>
            <pc:docMk/>
            <pc:sldMk cId="896859053" sldId="2147375240"/>
            <ac:spMk id="18" creationId="{A16BB627-3C9D-4459-219A-677AB882483C}"/>
          </ac:spMkLst>
        </pc:spChg>
        <pc:spChg chg="add mod ord">
          <ac:chgData name="Nitsche, Rainer" userId="b0459796-2dba-4711-99d0-2635315bc4ac" providerId="ADAL" clId="{693462DB-F570-45D2-B339-84AFE9447AA9}" dt="2023-10-06T10:07:30.639" v="3282" actId="1036"/>
          <ac:spMkLst>
            <pc:docMk/>
            <pc:sldMk cId="896859053" sldId="2147375240"/>
            <ac:spMk id="19" creationId="{AC6A0967-2431-56E7-F862-84631221EAE5}"/>
          </ac:spMkLst>
        </pc:spChg>
        <pc:spChg chg="add mod ord">
          <ac:chgData name="Nitsche, Rainer" userId="b0459796-2dba-4711-99d0-2635315bc4ac" providerId="ADAL" clId="{693462DB-F570-45D2-B339-84AFE9447AA9}" dt="2023-09-27T05:52:46.102" v="2401" actId="1076"/>
          <ac:spMkLst>
            <pc:docMk/>
            <pc:sldMk cId="896859053" sldId="2147375240"/>
            <ac:spMk id="20" creationId="{D53AC388-07E1-DA08-4511-37D09182B488}"/>
          </ac:spMkLst>
        </pc:spChg>
        <pc:spChg chg="add del mod">
          <ac:chgData name="Nitsche, Rainer" userId="b0459796-2dba-4711-99d0-2635315bc4ac" providerId="ADAL" clId="{693462DB-F570-45D2-B339-84AFE9447AA9}" dt="2023-09-26T09:01:16.999" v="1055" actId="478"/>
          <ac:spMkLst>
            <pc:docMk/>
            <pc:sldMk cId="896859053" sldId="2147375240"/>
            <ac:spMk id="21" creationId="{3D2FD935-A72D-E4F7-4E12-E7167D80CFA8}"/>
          </ac:spMkLst>
        </pc:spChg>
        <pc:spChg chg="add mod ord">
          <ac:chgData name="Nitsche, Rainer" userId="b0459796-2dba-4711-99d0-2635315bc4ac" providerId="ADAL" clId="{693462DB-F570-45D2-B339-84AFE9447AA9}" dt="2023-09-27T05:52:23.873" v="2398" actId="166"/>
          <ac:spMkLst>
            <pc:docMk/>
            <pc:sldMk cId="896859053" sldId="2147375240"/>
            <ac:spMk id="21" creationId="{BDF56AC4-4B15-90BC-92C5-6446AC252EA1}"/>
          </ac:spMkLst>
        </pc:spChg>
        <pc:spChg chg="add del mod">
          <ac:chgData name="Nitsche, Rainer" userId="b0459796-2dba-4711-99d0-2635315bc4ac" providerId="ADAL" clId="{693462DB-F570-45D2-B339-84AFE9447AA9}" dt="2023-09-26T09:00:07.674" v="1046" actId="478"/>
          <ac:spMkLst>
            <pc:docMk/>
            <pc:sldMk cId="896859053" sldId="2147375240"/>
            <ac:spMk id="22" creationId="{1019ACD2-2A3C-A5CF-065A-4AF12BA57474}"/>
          </ac:spMkLst>
        </pc:spChg>
        <pc:spChg chg="add mod">
          <ac:chgData name="Nitsche, Rainer" userId="b0459796-2dba-4711-99d0-2635315bc4ac" providerId="ADAL" clId="{693462DB-F570-45D2-B339-84AFE9447AA9}" dt="2023-09-27T05:53:22.824" v="2405" actId="692"/>
          <ac:spMkLst>
            <pc:docMk/>
            <pc:sldMk cId="896859053" sldId="2147375240"/>
            <ac:spMk id="22" creationId="{FD1C9D44-3F1A-228A-9C48-F6F0F0DBC8B2}"/>
          </ac:spMkLst>
        </pc:spChg>
        <pc:spChg chg="del">
          <ac:chgData name="Nitsche, Rainer" userId="b0459796-2dba-4711-99d0-2635315bc4ac" providerId="ADAL" clId="{693462DB-F570-45D2-B339-84AFE9447AA9}" dt="2023-09-25T13:21:13.094" v="754" actId="478"/>
          <ac:spMkLst>
            <pc:docMk/>
            <pc:sldMk cId="896859053" sldId="2147375240"/>
            <ac:spMk id="23" creationId="{2D0AD872-2B10-FE4B-1FDB-90BB31EC37F6}"/>
          </ac:spMkLst>
        </pc:spChg>
        <pc:spChg chg="add mod">
          <ac:chgData name="Nitsche, Rainer" userId="b0459796-2dba-4711-99d0-2635315bc4ac" providerId="ADAL" clId="{693462DB-F570-45D2-B339-84AFE9447AA9}" dt="2023-10-06T10:07:57.937" v="3295" actId="1038"/>
          <ac:spMkLst>
            <pc:docMk/>
            <pc:sldMk cId="896859053" sldId="2147375240"/>
            <ac:spMk id="23" creationId="{5BC28CD7-25AC-7AC8-EFF1-4F7D8BE0B9A5}"/>
          </ac:spMkLst>
        </pc:spChg>
        <pc:spChg chg="add mod">
          <ac:chgData name="Nitsche, Rainer" userId="b0459796-2dba-4711-99d0-2635315bc4ac" providerId="ADAL" clId="{693462DB-F570-45D2-B339-84AFE9447AA9}" dt="2023-09-27T05:54:42.977" v="2413" actId="1076"/>
          <ac:spMkLst>
            <pc:docMk/>
            <pc:sldMk cId="896859053" sldId="2147375240"/>
            <ac:spMk id="28" creationId="{AE81D9F4-F347-2B6F-96C2-FD24A98A8987}"/>
          </ac:spMkLst>
        </pc:spChg>
        <pc:spChg chg="add mod">
          <ac:chgData name="Nitsche, Rainer" userId="b0459796-2dba-4711-99d0-2635315bc4ac" providerId="ADAL" clId="{693462DB-F570-45D2-B339-84AFE9447AA9}" dt="2023-09-27T05:55:10.877" v="2420" actId="692"/>
          <ac:spMkLst>
            <pc:docMk/>
            <pc:sldMk cId="896859053" sldId="2147375240"/>
            <ac:spMk id="29" creationId="{F7661A3C-4B01-0EAF-14E2-532A63DA0FA7}"/>
          </ac:spMkLst>
        </pc:spChg>
        <pc:spChg chg="add mod">
          <ac:chgData name="Nitsche, Rainer" userId="b0459796-2dba-4711-99d0-2635315bc4ac" providerId="ADAL" clId="{693462DB-F570-45D2-B339-84AFE9447AA9}" dt="2023-10-06T10:07:47.531" v="3283" actId="14100"/>
          <ac:spMkLst>
            <pc:docMk/>
            <pc:sldMk cId="896859053" sldId="2147375240"/>
            <ac:spMk id="30" creationId="{FD907E56-7E58-260A-B495-D4F85E6F5DC2}"/>
          </ac:spMkLst>
        </pc:spChg>
        <pc:spChg chg="add mod ord">
          <ac:chgData name="Nitsche, Rainer" userId="b0459796-2dba-4711-99d0-2635315bc4ac" providerId="ADAL" clId="{693462DB-F570-45D2-B339-84AFE9447AA9}" dt="2023-10-09T08:18:21.910" v="3726" actId="20577"/>
          <ac:spMkLst>
            <pc:docMk/>
            <pc:sldMk cId="896859053" sldId="2147375240"/>
            <ac:spMk id="41" creationId="{05F2B298-3CE3-90B0-0D37-2AD05EE91269}"/>
          </ac:spMkLst>
        </pc:spChg>
        <pc:picChg chg="add del mod">
          <ac:chgData name="Nitsche, Rainer" userId="b0459796-2dba-4711-99d0-2635315bc4ac" providerId="ADAL" clId="{693462DB-F570-45D2-B339-84AFE9447AA9}" dt="2023-09-25T13:26:26.182" v="833" actId="478"/>
          <ac:picMkLst>
            <pc:docMk/>
            <pc:sldMk cId="896859053" sldId="2147375240"/>
            <ac:picMk id="5" creationId="{71DC3295-2E7F-471B-2F19-B3F116E8FA13}"/>
          </ac:picMkLst>
        </pc:picChg>
        <pc:picChg chg="add mod ord">
          <ac:chgData name="Nitsche, Rainer" userId="b0459796-2dba-4711-99d0-2635315bc4ac" providerId="ADAL" clId="{693462DB-F570-45D2-B339-84AFE9447AA9}" dt="2023-09-27T05:51:58.319" v="2395" actId="1038"/>
          <ac:picMkLst>
            <pc:docMk/>
            <pc:sldMk cId="896859053" sldId="2147375240"/>
            <ac:picMk id="7" creationId="{41F8AF72-4985-7C97-E3AF-84A22564C75D}"/>
          </ac:picMkLst>
        </pc:picChg>
        <pc:picChg chg="del mod">
          <ac:chgData name="Nitsche, Rainer" userId="b0459796-2dba-4711-99d0-2635315bc4ac" providerId="ADAL" clId="{693462DB-F570-45D2-B339-84AFE9447AA9}" dt="2023-09-25T13:22:07.698" v="818" actId="478"/>
          <ac:picMkLst>
            <pc:docMk/>
            <pc:sldMk cId="896859053" sldId="2147375240"/>
            <ac:picMk id="18" creationId="{973CB106-C567-501C-3B79-C22E9AA65B29}"/>
          </ac:picMkLst>
        </pc:picChg>
        <pc:picChg chg="del">
          <ac:chgData name="Nitsche, Rainer" userId="b0459796-2dba-4711-99d0-2635315bc4ac" providerId="ADAL" clId="{693462DB-F570-45D2-B339-84AFE9447AA9}" dt="2023-09-25T13:21:07.911" v="752" actId="478"/>
          <ac:picMkLst>
            <pc:docMk/>
            <pc:sldMk cId="896859053" sldId="2147375240"/>
            <ac:picMk id="21" creationId="{0E4E7414-E211-CA9D-3CE4-A7218EAD92A7}"/>
          </ac:picMkLst>
        </pc:picChg>
        <pc:picChg chg="add del mod ord">
          <ac:chgData name="Nitsche, Rainer" userId="b0459796-2dba-4711-99d0-2635315bc4ac" providerId="ADAL" clId="{693462DB-F570-45D2-B339-84AFE9447AA9}" dt="2023-10-06T10:07:06.562" v="3234" actId="1036"/>
          <ac:picMkLst>
            <pc:docMk/>
            <pc:sldMk cId="896859053" sldId="2147375240"/>
            <ac:picMk id="24" creationId="{A111110C-62EA-1D35-C2DD-64963191962B}"/>
          </ac:picMkLst>
        </pc:picChg>
        <pc:picChg chg="add mod">
          <ac:chgData name="Nitsche, Rainer" userId="b0459796-2dba-4711-99d0-2635315bc4ac" providerId="ADAL" clId="{693462DB-F570-45D2-B339-84AFE9447AA9}" dt="2023-09-27T05:51:51.574" v="2367" actId="1038"/>
          <ac:picMkLst>
            <pc:docMk/>
            <pc:sldMk cId="896859053" sldId="2147375240"/>
            <ac:picMk id="26" creationId="{646F9DAB-1A40-3F99-1821-317EC1289C7C}"/>
          </ac:picMkLst>
        </pc:picChg>
        <pc:picChg chg="del">
          <ac:chgData name="Nitsche, Rainer" userId="b0459796-2dba-4711-99d0-2635315bc4ac" providerId="ADAL" clId="{693462DB-F570-45D2-B339-84AFE9447AA9}" dt="2023-09-25T13:22:15.712" v="819" actId="478"/>
          <ac:picMkLst>
            <pc:docMk/>
            <pc:sldMk cId="896859053" sldId="2147375240"/>
            <ac:picMk id="28" creationId="{609DBCEF-BEB3-60A4-4D82-00459624C416}"/>
          </ac:picMkLst>
        </pc:picChg>
        <pc:picChg chg="del">
          <ac:chgData name="Nitsche, Rainer" userId="b0459796-2dba-4711-99d0-2635315bc4ac" providerId="ADAL" clId="{693462DB-F570-45D2-B339-84AFE9447AA9}" dt="2023-09-25T13:21:10.117" v="753" actId="478"/>
          <ac:picMkLst>
            <pc:docMk/>
            <pc:sldMk cId="896859053" sldId="2147375240"/>
            <ac:picMk id="29" creationId="{73A9E1C1-F537-2579-8082-515865CCA248}"/>
          </ac:picMkLst>
        </pc:picChg>
        <pc:cxnChg chg="add del mod">
          <ac:chgData name="Nitsche, Rainer" userId="b0459796-2dba-4711-99d0-2635315bc4ac" providerId="ADAL" clId="{693462DB-F570-45D2-B339-84AFE9447AA9}" dt="2023-09-27T05:51:28.486" v="2327" actId="478"/>
          <ac:cxnSpMkLst>
            <pc:docMk/>
            <pc:sldMk cId="896859053" sldId="2147375240"/>
            <ac:cxnSpMk id="25" creationId="{3828693B-F7C2-3DAE-6E9E-D75C0AD70DBA}"/>
          </ac:cxnSpMkLst>
        </pc:cxnChg>
        <pc:cxnChg chg="add del mod">
          <ac:chgData name="Nitsche, Rainer" userId="b0459796-2dba-4711-99d0-2635315bc4ac" providerId="ADAL" clId="{693462DB-F570-45D2-B339-84AFE9447AA9}" dt="2023-09-27T05:51:30.710" v="2328" actId="478"/>
          <ac:cxnSpMkLst>
            <pc:docMk/>
            <pc:sldMk cId="896859053" sldId="2147375240"/>
            <ac:cxnSpMk id="27" creationId="{B73E0CEB-E32F-4335-54E8-29126E19799E}"/>
          </ac:cxnSpMkLst>
        </pc:cxnChg>
        <pc:cxnChg chg="add del mod">
          <ac:chgData name="Nitsche, Rainer" userId="b0459796-2dba-4711-99d0-2635315bc4ac" providerId="ADAL" clId="{693462DB-F570-45D2-B339-84AFE9447AA9}" dt="2023-09-27T05:50:20.182" v="2317" actId="478"/>
          <ac:cxnSpMkLst>
            <pc:docMk/>
            <pc:sldMk cId="896859053" sldId="2147375240"/>
            <ac:cxnSpMk id="33" creationId="{B9CC49AE-0325-A0AC-8ED9-8374D6DF0F65}"/>
          </ac:cxnSpMkLst>
        </pc:cxnChg>
        <pc:cxnChg chg="add del mod">
          <ac:chgData name="Nitsche, Rainer" userId="b0459796-2dba-4711-99d0-2635315bc4ac" providerId="ADAL" clId="{693462DB-F570-45D2-B339-84AFE9447AA9}" dt="2023-09-27T05:50:43.374" v="2320" actId="478"/>
          <ac:cxnSpMkLst>
            <pc:docMk/>
            <pc:sldMk cId="896859053" sldId="2147375240"/>
            <ac:cxnSpMk id="38" creationId="{B5B4607E-6D6B-C380-215A-E4E9AB48F524}"/>
          </ac:cxnSpMkLst>
        </pc:cxnChg>
      </pc:sldChg>
      <pc:sldChg chg="new del">
        <pc:chgData name="Nitsche, Rainer" userId="b0459796-2dba-4711-99d0-2635315bc4ac" providerId="ADAL" clId="{693462DB-F570-45D2-B339-84AFE9447AA9}" dt="2023-09-25T13:20:10.254" v="673" actId="47"/>
        <pc:sldMkLst>
          <pc:docMk/>
          <pc:sldMk cId="947243412" sldId="2147375240"/>
        </pc:sldMkLst>
      </pc:sldChg>
      <pc:sldChg chg="addSp delSp modSp add del mod ord modNotesTx">
        <pc:chgData name="Nitsche, Rainer" userId="b0459796-2dba-4711-99d0-2635315bc4ac" providerId="ADAL" clId="{693462DB-F570-45D2-B339-84AFE9447AA9}" dt="2023-10-06T10:18:03.956" v="3318" actId="5793"/>
        <pc:sldMkLst>
          <pc:docMk/>
          <pc:sldMk cId="4127408036" sldId="2147375241"/>
        </pc:sldMkLst>
        <pc:spChg chg="mod">
          <ac:chgData name="Nitsche, Rainer" userId="b0459796-2dba-4711-99d0-2635315bc4ac" providerId="ADAL" clId="{693462DB-F570-45D2-B339-84AFE9447AA9}" dt="2023-10-06T06:56:07.205" v="3154" actId="20577"/>
          <ac:spMkLst>
            <pc:docMk/>
            <pc:sldMk cId="4127408036" sldId="2147375241"/>
            <ac:spMk id="3" creationId="{DE6F6B1C-BB8E-8CE1-DC5D-9B107569CEAB}"/>
          </ac:spMkLst>
        </pc:spChg>
        <pc:spChg chg="mod">
          <ac:chgData name="Nitsche, Rainer" userId="b0459796-2dba-4711-99d0-2635315bc4ac" providerId="ADAL" clId="{693462DB-F570-45D2-B339-84AFE9447AA9}" dt="2023-10-06T06:55:52.592" v="3150" actId="20577"/>
          <ac:spMkLst>
            <pc:docMk/>
            <pc:sldMk cId="4127408036" sldId="2147375241"/>
            <ac:spMk id="4" creationId="{D0BA69E1-4BCD-2F7C-E994-BC96FB4B7A88}"/>
          </ac:spMkLst>
        </pc:spChg>
        <pc:spChg chg="add mod">
          <ac:chgData name="Nitsche, Rainer" userId="b0459796-2dba-4711-99d0-2635315bc4ac" providerId="ADAL" clId="{693462DB-F570-45D2-B339-84AFE9447AA9}" dt="2023-09-27T06:05:12.331" v="2742" actId="1076"/>
          <ac:spMkLst>
            <pc:docMk/>
            <pc:sldMk cId="4127408036" sldId="2147375241"/>
            <ac:spMk id="6" creationId="{04C76FD8-108C-F8F9-CA88-36D29591D3E9}"/>
          </ac:spMkLst>
        </pc:spChg>
        <pc:spChg chg="add mod">
          <ac:chgData name="Nitsche, Rainer" userId="b0459796-2dba-4711-99d0-2635315bc4ac" providerId="ADAL" clId="{693462DB-F570-45D2-B339-84AFE9447AA9}" dt="2023-09-27T06:05:33.855" v="2745" actId="14100"/>
          <ac:spMkLst>
            <pc:docMk/>
            <pc:sldMk cId="4127408036" sldId="2147375241"/>
            <ac:spMk id="20" creationId="{09A714D7-3D30-3F87-29AE-2FD694FF6A13}"/>
          </ac:spMkLst>
        </pc:spChg>
        <pc:spChg chg="del">
          <ac:chgData name="Nitsche, Rainer" userId="b0459796-2dba-4711-99d0-2635315bc4ac" providerId="ADAL" clId="{693462DB-F570-45D2-B339-84AFE9447AA9}" dt="2023-09-25T13:32:34.109" v="853" actId="478"/>
          <ac:spMkLst>
            <pc:docMk/>
            <pc:sldMk cId="4127408036" sldId="2147375241"/>
            <ac:spMk id="20" creationId="{D53AC388-07E1-DA08-4511-37D09182B488}"/>
          </ac:spMkLst>
        </pc:spChg>
        <pc:spChg chg="add del">
          <ac:chgData name="Nitsche, Rainer" userId="b0459796-2dba-4711-99d0-2635315bc4ac" providerId="ADAL" clId="{693462DB-F570-45D2-B339-84AFE9447AA9}" dt="2023-09-27T06:06:24.458" v="2747" actId="478"/>
          <ac:spMkLst>
            <pc:docMk/>
            <pc:sldMk cId="4127408036" sldId="2147375241"/>
            <ac:spMk id="22" creationId="{3AA8436B-F28E-D4B4-9835-3A76451E49F9}"/>
          </ac:spMkLst>
        </pc:spChg>
        <pc:spChg chg="add mod">
          <ac:chgData name="Nitsche, Rainer" userId="b0459796-2dba-4711-99d0-2635315bc4ac" providerId="ADAL" clId="{693462DB-F570-45D2-B339-84AFE9447AA9}" dt="2023-09-27T06:03:06.482" v="2664" actId="1038"/>
          <ac:spMkLst>
            <pc:docMk/>
            <pc:sldMk cId="4127408036" sldId="2147375241"/>
            <ac:spMk id="23" creationId="{4C197550-9865-F849-422D-2B4E4120407B}"/>
          </ac:spMkLst>
        </pc:spChg>
        <pc:spChg chg="add mod">
          <ac:chgData name="Nitsche, Rainer" userId="b0459796-2dba-4711-99d0-2635315bc4ac" providerId="ADAL" clId="{693462DB-F570-45D2-B339-84AFE9447AA9}" dt="2023-10-06T06:56:24.174" v="3155" actId="20577"/>
          <ac:spMkLst>
            <pc:docMk/>
            <pc:sldMk cId="4127408036" sldId="2147375241"/>
            <ac:spMk id="24" creationId="{66B299C2-B11A-F910-6306-25D2AE6F1DA3}"/>
          </ac:spMkLst>
        </pc:spChg>
        <pc:spChg chg="add mod">
          <ac:chgData name="Nitsche, Rainer" userId="b0459796-2dba-4711-99d0-2635315bc4ac" providerId="ADAL" clId="{693462DB-F570-45D2-B339-84AFE9447AA9}" dt="2023-09-27T06:08:50.726" v="2898" actId="164"/>
          <ac:spMkLst>
            <pc:docMk/>
            <pc:sldMk cId="4127408036" sldId="2147375241"/>
            <ac:spMk id="25" creationId="{EEF1F996-CCF5-9992-7404-FD12D10FE78C}"/>
          </ac:spMkLst>
        </pc:spChg>
        <pc:spChg chg="add mod">
          <ac:chgData name="Nitsche, Rainer" userId="b0459796-2dba-4711-99d0-2635315bc4ac" providerId="ADAL" clId="{693462DB-F570-45D2-B339-84AFE9447AA9}" dt="2023-10-06T06:56:54.471" v="3157" actId="20577"/>
          <ac:spMkLst>
            <pc:docMk/>
            <pc:sldMk cId="4127408036" sldId="2147375241"/>
            <ac:spMk id="26" creationId="{966E125E-5BC1-AF8A-4F74-C6009782D52E}"/>
          </ac:spMkLst>
        </pc:spChg>
        <pc:grpChg chg="add mod">
          <ac:chgData name="Nitsche, Rainer" userId="b0459796-2dba-4711-99d0-2635315bc4ac" providerId="ADAL" clId="{693462DB-F570-45D2-B339-84AFE9447AA9}" dt="2023-09-27T06:09:15.333" v="2942" actId="12788"/>
          <ac:grpSpMkLst>
            <pc:docMk/>
            <pc:sldMk cId="4127408036" sldId="2147375241"/>
            <ac:grpSpMk id="28" creationId="{90843998-54B3-03DD-2855-D63EAF2C222E}"/>
          </ac:grpSpMkLst>
        </pc:grpChg>
        <pc:picChg chg="mod">
          <ac:chgData name="Nitsche, Rainer" userId="b0459796-2dba-4711-99d0-2635315bc4ac" providerId="ADAL" clId="{693462DB-F570-45D2-B339-84AFE9447AA9}" dt="2023-09-27T06:04:54.603" v="2738" actId="1038"/>
          <ac:picMkLst>
            <pc:docMk/>
            <pc:sldMk cId="4127408036" sldId="2147375241"/>
            <ac:picMk id="5" creationId="{71DC3295-2E7F-471B-2F19-B3F116E8FA13}"/>
          </ac:picMkLst>
        </pc:picChg>
        <pc:picChg chg="add del mod">
          <ac:chgData name="Nitsche, Rainer" userId="b0459796-2dba-4711-99d0-2635315bc4ac" providerId="ADAL" clId="{693462DB-F570-45D2-B339-84AFE9447AA9}" dt="2023-09-26T08:43:03.141" v="867" actId="478"/>
          <ac:picMkLst>
            <pc:docMk/>
            <pc:sldMk cId="4127408036" sldId="2147375241"/>
            <ac:picMk id="6" creationId="{A621D8C6-EE4E-E36A-ADF6-760BFF11FD43}"/>
          </ac:picMkLst>
        </pc:picChg>
        <pc:picChg chg="del">
          <ac:chgData name="Nitsche, Rainer" userId="b0459796-2dba-4711-99d0-2635315bc4ac" providerId="ADAL" clId="{693462DB-F570-45D2-B339-84AFE9447AA9}" dt="2023-09-25T13:32:28.740" v="851" actId="478"/>
          <ac:picMkLst>
            <pc:docMk/>
            <pc:sldMk cId="4127408036" sldId="2147375241"/>
            <ac:picMk id="7" creationId="{41F8AF72-4985-7C97-E3AF-84A22564C75D}"/>
          </ac:picMkLst>
        </pc:picChg>
        <pc:picChg chg="add mod ord">
          <ac:chgData name="Nitsche, Rainer" userId="b0459796-2dba-4711-99d0-2635315bc4ac" providerId="ADAL" clId="{693462DB-F570-45D2-B339-84AFE9447AA9}" dt="2023-09-27T06:08:50.726" v="2898" actId="164"/>
          <ac:picMkLst>
            <pc:docMk/>
            <pc:sldMk cId="4127408036" sldId="2147375241"/>
            <ac:picMk id="7" creationId="{54863792-240C-4618-B1EA-C60E7458FDF9}"/>
          </ac:picMkLst>
        </pc:picChg>
        <pc:picChg chg="add mod">
          <ac:chgData name="Nitsche, Rainer" userId="b0459796-2dba-4711-99d0-2635315bc4ac" providerId="ADAL" clId="{693462DB-F570-45D2-B339-84AFE9447AA9}" dt="2023-09-27T06:03:12.552" v="2665" actId="14100"/>
          <ac:picMkLst>
            <pc:docMk/>
            <pc:sldMk cId="4127408036" sldId="2147375241"/>
            <ac:picMk id="18" creationId="{28DF6D67-78C6-901B-32E8-2233A813D1A6}"/>
          </ac:picMkLst>
        </pc:picChg>
        <pc:picChg chg="add mod">
          <ac:chgData name="Nitsche, Rainer" userId="b0459796-2dba-4711-99d0-2635315bc4ac" providerId="ADAL" clId="{693462DB-F570-45D2-B339-84AFE9447AA9}" dt="2023-09-27T06:08:50.726" v="2898" actId="164"/>
          <ac:picMkLst>
            <pc:docMk/>
            <pc:sldMk cId="4127408036" sldId="2147375241"/>
            <ac:picMk id="19" creationId="{4DA42565-F8A3-BCA0-C8CF-BD7F23326656}"/>
          </ac:picMkLst>
        </pc:picChg>
        <pc:picChg chg="del">
          <ac:chgData name="Nitsche, Rainer" userId="b0459796-2dba-4711-99d0-2635315bc4ac" providerId="ADAL" clId="{693462DB-F570-45D2-B339-84AFE9447AA9}" dt="2023-09-25T13:32:29.802" v="852" actId="478"/>
          <ac:picMkLst>
            <pc:docMk/>
            <pc:sldMk cId="4127408036" sldId="2147375241"/>
            <ac:picMk id="24" creationId="{A111110C-62EA-1D35-C2DD-64963191962B}"/>
          </ac:picMkLst>
        </pc:picChg>
        <pc:cxnChg chg="add mod ord">
          <ac:chgData name="Nitsche, Rainer" userId="b0459796-2dba-4711-99d0-2635315bc4ac" providerId="ADAL" clId="{693462DB-F570-45D2-B339-84AFE9447AA9}" dt="2023-09-27T06:08:50.726" v="2898" actId="164"/>
          <ac:cxnSpMkLst>
            <pc:docMk/>
            <pc:sldMk cId="4127408036" sldId="2147375241"/>
            <ac:cxnSpMk id="21" creationId="{F064062C-0B15-75AE-95B7-8DB0A695540C}"/>
          </ac:cxnSpMkLst>
        </pc:cxnChg>
      </pc:sldChg>
      <pc:sldChg chg="add del">
        <pc:chgData name="Nitsche, Rainer" userId="b0459796-2dba-4711-99d0-2635315bc4ac" providerId="ADAL" clId="{693462DB-F570-45D2-B339-84AFE9447AA9}" dt="2023-09-27T06:16:22.711" v="3061" actId="47"/>
        <pc:sldMkLst>
          <pc:docMk/>
          <pc:sldMk cId="296989083" sldId="2147375242"/>
        </pc:sldMkLst>
      </pc:sldChg>
      <pc:sldMasterChg chg="modSp mod">
        <pc:chgData name="Nitsche, Rainer" userId="b0459796-2dba-4711-99d0-2635315bc4ac" providerId="ADAL" clId="{693462DB-F570-45D2-B339-84AFE9447AA9}" dt="2023-10-06T10:08:22.363" v="3301" actId="20577"/>
        <pc:sldMasterMkLst>
          <pc:docMk/>
          <pc:sldMasterMk cId="0" sldId="2147483658"/>
        </pc:sldMasterMkLst>
        <pc:spChg chg="mod">
          <ac:chgData name="Nitsche, Rainer" userId="b0459796-2dba-4711-99d0-2635315bc4ac" providerId="ADAL" clId="{693462DB-F570-45D2-B339-84AFE9447AA9}" dt="2023-10-06T10:08:22.358" v="3296" actId="20577"/>
          <ac:spMkLst>
            <pc:docMk/>
            <pc:sldMasterMk cId="0" sldId="2147483658"/>
            <ac:spMk id="16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0" v="3297" actId="20577"/>
          <ac:spMkLst>
            <pc:docMk/>
            <pc:sldMasterMk cId="0" sldId="2147483658"/>
            <ac:spMk id="25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1" v="3298" actId="20577"/>
          <ac:spMkLst>
            <pc:docMk/>
            <pc:sldMasterMk cId="0" sldId="2147483658"/>
            <ac:spMk id="26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2" v="3299" actId="20577"/>
          <ac:spMkLst>
            <pc:docMk/>
            <pc:sldMasterMk cId="0" sldId="2147483658"/>
            <ac:spMk id="28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2" v="3300" actId="20577"/>
          <ac:spMkLst>
            <pc:docMk/>
            <pc:sldMasterMk cId="0" sldId="2147483658"/>
            <ac:spMk id="29" creationId="{00000000-0000-0000-0000-000000000000}"/>
          </ac:spMkLst>
        </pc:spChg>
        <pc:spChg chg="mod">
          <ac:chgData name="Nitsche, Rainer" userId="b0459796-2dba-4711-99d0-2635315bc4ac" providerId="ADAL" clId="{693462DB-F570-45D2-B339-84AFE9447AA9}" dt="2023-10-06T10:08:22.363" v="3301" actId="20577"/>
          <ac:spMkLst>
            <pc:docMk/>
            <pc:sldMasterMk cId="0" sldId="2147483658"/>
            <ac:spMk id="30" creationId="{00000000-0000-0000-0000-000000000000}"/>
          </ac:spMkLst>
        </pc:spChg>
      </pc:sldMasterChg>
    </pc:docChg>
  </pc:docChgLst>
  <pc:docChgLst>
    <pc:chgData name="Nitsche, Rainer" userId="b0459796-2dba-4711-99d0-2635315bc4ac" providerId="ADAL" clId="{DD22B1EE-1AB9-4A82-AD2E-E7AE46E39B14}"/>
    <pc:docChg chg="undo custSel delSld modSld delMainMaster modMainMaster delSection modSection">
      <pc:chgData name="Nitsche, Rainer" userId="b0459796-2dba-4711-99d0-2635315bc4ac" providerId="ADAL" clId="{DD22B1EE-1AB9-4A82-AD2E-E7AE46E39B14}" dt="2023-07-23T09:35:45.769" v="303" actId="1038"/>
      <pc:docMkLst>
        <pc:docMk/>
      </pc:docMkLst>
      <pc:sldChg chg="del">
        <pc:chgData name="Nitsche, Rainer" userId="b0459796-2dba-4711-99d0-2635315bc4ac" providerId="ADAL" clId="{DD22B1EE-1AB9-4A82-AD2E-E7AE46E39B14}" dt="2023-07-21T13:30:04.515" v="164" actId="47"/>
        <pc:sldMkLst>
          <pc:docMk/>
          <pc:sldMk cId="157840420" sldId="262"/>
        </pc:sldMkLst>
      </pc:sldChg>
      <pc:sldChg chg="del">
        <pc:chgData name="Nitsche, Rainer" userId="b0459796-2dba-4711-99d0-2635315bc4ac" providerId="ADAL" clId="{DD22B1EE-1AB9-4A82-AD2E-E7AE46E39B14}" dt="2023-07-20T07:21:17.540" v="12" actId="47"/>
        <pc:sldMkLst>
          <pc:docMk/>
          <pc:sldMk cId="1204461295" sldId="271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556194338" sldId="275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1352754063" sldId="276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824369323" sldId="280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236180529" sldId="281"/>
        </pc:sldMkLst>
      </pc:sldChg>
      <pc:sldChg chg="del">
        <pc:chgData name="Nitsche, Rainer" userId="b0459796-2dba-4711-99d0-2635315bc4ac" providerId="ADAL" clId="{DD22B1EE-1AB9-4A82-AD2E-E7AE46E39B14}" dt="2023-07-21T13:30:01.876" v="163" actId="47"/>
        <pc:sldMkLst>
          <pc:docMk/>
          <pc:sldMk cId="2642617051" sldId="2147375225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395204221" sldId="2147375226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852340452" sldId="2147375229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3928927939" sldId="2147375230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3223577053" sldId="2147375231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869001541" sldId="2147375233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1621069368" sldId="2147375234"/>
        </pc:sldMkLst>
      </pc:sldChg>
      <pc:sldChg chg="del">
        <pc:chgData name="Nitsche, Rainer" userId="b0459796-2dba-4711-99d0-2635315bc4ac" providerId="ADAL" clId="{DD22B1EE-1AB9-4A82-AD2E-E7AE46E39B14}" dt="2023-07-20T07:21:36.165" v="15" actId="47"/>
        <pc:sldMkLst>
          <pc:docMk/>
          <pc:sldMk cId="2660469299" sldId="2147375235"/>
        </pc:sldMkLst>
      </pc:sldChg>
      <pc:sldChg chg="delSp modSp mod">
        <pc:chgData name="Nitsche, Rainer" userId="b0459796-2dba-4711-99d0-2635315bc4ac" providerId="ADAL" clId="{DD22B1EE-1AB9-4A82-AD2E-E7AE46E39B14}" dt="2023-07-20T07:21:47.014" v="17" actId="478"/>
        <pc:sldMkLst>
          <pc:docMk/>
          <pc:sldMk cId="2645630759" sldId="2147375236"/>
        </pc:sldMkLst>
        <pc:spChg chg="mod">
          <ac:chgData name="Nitsche, Rainer" userId="b0459796-2dba-4711-99d0-2635315bc4ac" providerId="ADAL" clId="{DD22B1EE-1AB9-4A82-AD2E-E7AE46E39B14}" dt="2023-07-20T07:21:21.268" v="14" actId="20577"/>
          <ac:spMkLst>
            <pc:docMk/>
            <pc:sldMk cId="2645630759" sldId="2147375236"/>
            <ac:spMk id="5" creationId="{A83A29CE-7738-450E-AA88-DDBAB8958AEB}"/>
          </ac:spMkLst>
        </pc:spChg>
        <pc:cxnChg chg="del">
          <ac:chgData name="Nitsche, Rainer" userId="b0459796-2dba-4711-99d0-2635315bc4ac" providerId="ADAL" clId="{DD22B1EE-1AB9-4A82-AD2E-E7AE46E39B14}" dt="2023-07-20T07:21:47.014" v="17" actId="478"/>
          <ac:cxnSpMkLst>
            <pc:docMk/>
            <pc:sldMk cId="2645630759" sldId="2147375236"/>
            <ac:cxnSpMk id="20" creationId="{2F604774-DFBA-24EC-E858-724239036751}"/>
          </ac:cxnSpMkLst>
        </pc:cxnChg>
        <pc:cxnChg chg="del">
          <ac:chgData name="Nitsche, Rainer" userId="b0459796-2dba-4711-99d0-2635315bc4ac" providerId="ADAL" clId="{DD22B1EE-1AB9-4A82-AD2E-E7AE46E39B14}" dt="2023-07-20T07:21:45.545" v="16" actId="478"/>
          <ac:cxnSpMkLst>
            <pc:docMk/>
            <pc:sldMk cId="2645630759" sldId="2147375236"/>
            <ac:cxnSpMk id="24" creationId="{52A9CDC7-94CC-E3B4-18E2-9DF1F1223906}"/>
          </ac:cxnSpMkLst>
        </pc:cxnChg>
      </pc:sldChg>
      <pc:sldChg chg="addSp delSp modSp mod">
        <pc:chgData name="Nitsche, Rainer" userId="b0459796-2dba-4711-99d0-2635315bc4ac" providerId="ADAL" clId="{DD22B1EE-1AB9-4A82-AD2E-E7AE46E39B14}" dt="2023-07-23T09:35:45.769" v="303" actId="1038"/>
        <pc:sldMkLst>
          <pc:docMk/>
          <pc:sldMk cId="3323622515" sldId="2147375237"/>
        </pc:sldMkLst>
        <pc:spChg chg="mod">
          <ac:chgData name="Nitsche, Rainer" userId="b0459796-2dba-4711-99d0-2635315bc4ac" providerId="ADAL" clId="{DD22B1EE-1AB9-4A82-AD2E-E7AE46E39B14}" dt="2023-07-21T13:18:44.673" v="147" actId="20577"/>
          <ac:spMkLst>
            <pc:docMk/>
            <pc:sldMk cId="3323622515" sldId="2147375237"/>
            <ac:spMk id="25" creationId="{D639B678-E2C4-42F2-910C-441DB3739F20}"/>
          </ac:spMkLst>
        </pc:spChg>
        <pc:spChg chg="mod">
          <ac:chgData name="Nitsche, Rainer" userId="b0459796-2dba-4711-99d0-2635315bc4ac" providerId="ADAL" clId="{DD22B1EE-1AB9-4A82-AD2E-E7AE46E39B14}" dt="2023-07-21T13:29:40.501" v="162" actId="20577"/>
          <ac:spMkLst>
            <pc:docMk/>
            <pc:sldMk cId="3323622515" sldId="2147375237"/>
            <ac:spMk id="46" creationId="{CD00124F-3C33-429B-A689-93EBB9DC8D3E}"/>
          </ac:spMkLst>
        </pc:spChg>
        <pc:spChg chg="mod topLvl">
          <ac:chgData name="Nitsche, Rainer" userId="b0459796-2dba-4711-99d0-2635315bc4ac" providerId="ADAL" clId="{DD22B1EE-1AB9-4A82-AD2E-E7AE46E39B14}" dt="2023-07-21T13:16:12.106" v="132" actId="1076"/>
          <ac:spMkLst>
            <pc:docMk/>
            <pc:sldMk cId="3323622515" sldId="2147375237"/>
            <ac:spMk id="47" creationId="{36A6F8B0-C2F3-EED0-F8D9-3AD583BF020C}"/>
          </ac:spMkLst>
        </pc:spChg>
        <pc:spChg chg="mod">
          <ac:chgData name="Nitsche, Rainer" userId="b0459796-2dba-4711-99d0-2635315bc4ac" providerId="ADAL" clId="{DD22B1EE-1AB9-4A82-AD2E-E7AE46E39B14}" dt="2023-07-21T13:08:33.031" v="23" actId="20577"/>
          <ac:spMkLst>
            <pc:docMk/>
            <pc:sldMk cId="3323622515" sldId="2147375237"/>
            <ac:spMk id="53" creationId="{5701E8ED-8A51-585F-160F-FD356B6F6BE0}"/>
          </ac:spMkLst>
        </pc:spChg>
        <pc:spChg chg="mod">
          <ac:chgData name="Nitsche, Rainer" userId="b0459796-2dba-4711-99d0-2635315bc4ac" providerId="ADAL" clId="{DD22B1EE-1AB9-4A82-AD2E-E7AE46E39B14}" dt="2023-07-21T13:11:52.293" v="91" actId="1076"/>
          <ac:spMkLst>
            <pc:docMk/>
            <pc:sldMk cId="3323622515" sldId="2147375237"/>
            <ac:spMk id="56" creationId="{2C2E6244-4CB0-9207-503E-BD05F7AAF6E1}"/>
          </ac:spMkLst>
        </pc:spChg>
        <pc:grpChg chg="add del">
          <ac:chgData name="Nitsche, Rainer" userId="b0459796-2dba-4711-99d0-2635315bc4ac" providerId="ADAL" clId="{DD22B1EE-1AB9-4A82-AD2E-E7AE46E39B14}" dt="2023-07-21T13:10:58.480" v="63" actId="165"/>
          <ac:grpSpMkLst>
            <pc:docMk/>
            <pc:sldMk cId="3323622515" sldId="2147375237"/>
            <ac:grpSpMk id="60" creationId="{F061D8D9-463A-F8F5-6DA7-A7099FB4A4DC}"/>
          </ac:grpSpMkLst>
        </pc:grpChg>
        <pc:picChg chg="add del mod">
          <ac:chgData name="Nitsche, Rainer" userId="b0459796-2dba-4711-99d0-2635315bc4ac" providerId="ADAL" clId="{DD22B1EE-1AB9-4A82-AD2E-E7AE46E39B14}" dt="2023-07-23T09:32:22.208" v="269" actId="478"/>
          <ac:picMkLst>
            <pc:docMk/>
            <pc:sldMk cId="3323622515" sldId="2147375237"/>
            <ac:picMk id="28" creationId="{B7865BA8-0E86-DA32-DC2C-7E5318938450}"/>
          </ac:picMkLst>
        </pc:picChg>
        <pc:picChg chg="add mod">
          <ac:chgData name="Nitsche, Rainer" userId="b0459796-2dba-4711-99d0-2635315bc4ac" providerId="ADAL" clId="{DD22B1EE-1AB9-4A82-AD2E-E7AE46E39B14}" dt="2023-07-23T09:32:43.130" v="272" actId="1076"/>
          <ac:picMkLst>
            <pc:docMk/>
            <pc:sldMk cId="3323622515" sldId="2147375237"/>
            <ac:picMk id="33" creationId="{54755C16-B2AC-E385-C082-2BFCA1A89721}"/>
          </ac:picMkLst>
        </pc:picChg>
        <pc:picChg chg="add mod">
          <ac:chgData name="Nitsche, Rainer" userId="b0459796-2dba-4711-99d0-2635315bc4ac" providerId="ADAL" clId="{DD22B1EE-1AB9-4A82-AD2E-E7AE46E39B14}" dt="2023-07-23T09:35:45.769" v="303" actId="1038"/>
          <ac:picMkLst>
            <pc:docMk/>
            <pc:sldMk cId="3323622515" sldId="2147375237"/>
            <ac:picMk id="34" creationId="{312E9E21-2DEE-2B17-C3D8-68E6F2ED73B3}"/>
          </ac:picMkLst>
        </pc:picChg>
        <pc:picChg chg="mod">
          <ac:chgData name="Nitsche, Rainer" userId="b0459796-2dba-4711-99d0-2635315bc4ac" providerId="ADAL" clId="{DD22B1EE-1AB9-4A82-AD2E-E7AE46E39B14}" dt="2023-07-21T13:16:20.250" v="134" actId="1076"/>
          <ac:picMkLst>
            <pc:docMk/>
            <pc:sldMk cId="3323622515" sldId="2147375237"/>
            <ac:picMk id="44" creationId="{F67F110B-E01D-B28A-BCD7-5C86F8BEC6FE}"/>
          </ac:picMkLst>
        </pc:picChg>
        <pc:picChg chg="mod">
          <ac:chgData name="Nitsche, Rainer" userId="b0459796-2dba-4711-99d0-2635315bc4ac" providerId="ADAL" clId="{DD22B1EE-1AB9-4A82-AD2E-E7AE46E39B14}" dt="2023-07-21T13:16:16.501" v="133" actId="1076"/>
          <ac:picMkLst>
            <pc:docMk/>
            <pc:sldMk cId="3323622515" sldId="2147375237"/>
            <ac:picMk id="55" creationId="{CA51E42B-4818-FE85-8F89-9A09F24EEEBF}"/>
          </ac:picMkLst>
        </pc:picChg>
        <pc:cxnChg chg="mod topLvl">
          <ac:chgData name="Nitsche, Rainer" userId="b0459796-2dba-4711-99d0-2635315bc4ac" providerId="ADAL" clId="{DD22B1EE-1AB9-4A82-AD2E-E7AE46E39B14}" dt="2023-07-21T13:10:58.480" v="63" actId="165"/>
          <ac:cxnSpMkLst>
            <pc:docMk/>
            <pc:sldMk cId="3323622515" sldId="2147375237"/>
            <ac:cxnSpMk id="35" creationId="{0DE06AAC-7289-4725-D231-9E4BB8AB7549}"/>
          </ac:cxnSpMkLst>
        </pc:cxnChg>
        <pc:cxnChg chg="del mod topLvl">
          <ac:chgData name="Nitsche, Rainer" userId="b0459796-2dba-4711-99d0-2635315bc4ac" providerId="ADAL" clId="{DD22B1EE-1AB9-4A82-AD2E-E7AE46E39B14}" dt="2023-07-21T13:11:01.431" v="64" actId="478"/>
          <ac:cxnSpMkLst>
            <pc:docMk/>
            <pc:sldMk cId="3323622515" sldId="2147375237"/>
            <ac:cxnSpMk id="50" creationId="{45C5244B-AF35-69F3-7CB9-9D8E2D3B8F90}"/>
          </ac:cxnSpMkLst>
        </pc:cxnChg>
        <pc:cxnChg chg="del">
          <ac:chgData name="Nitsche, Rainer" userId="b0459796-2dba-4711-99d0-2635315bc4ac" providerId="ADAL" clId="{DD22B1EE-1AB9-4A82-AD2E-E7AE46E39B14}" dt="2023-07-21T13:09:44.402" v="57" actId="478"/>
          <ac:cxnSpMkLst>
            <pc:docMk/>
            <pc:sldMk cId="3323622515" sldId="2147375237"/>
            <ac:cxnSpMk id="51" creationId="{AC9CEBC4-446E-8372-17D5-14DB240D813C}"/>
          </ac:cxnSpMkLst>
        </pc:cxnChg>
        <pc:cxnChg chg="del mod topLvl">
          <ac:chgData name="Nitsche, Rainer" userId="b0459796-2dba-4711-99d0-2635315bc4ac" providerId="ADAL" clId="{DD22B1EE-1AB9-4A82-AD2E-E7AE46E39B14}" dt="2023-07-21T13:11:02.610" v="65" actId="478"/>
          <ac:cxnSpMkLst>
            <pc:docMk/>
            <pc:sldMk cId="3323622515" sldId="2147375237"/>
            <ac:cxnSpMk id="59" creationId="{87DC7985-7EC7-81E8-2193-CB17A7A59574}"/>
          </ac:cxnSpMkLst>
        </pc:cxnChg>
      </pc:sldChg>
      <pc:sldMasterChg chg="modSp mod delSldLayout">
        <pc:chgData name="Nitsche, Rainer" userId="b0459796-2dba-4711-99d0-2635315bc4ac" providerId="ADAL" clId="{DD22B1EE-1AB9-4A82-AD2E-E7AE46E39B14}" dt="2023-07-21T13:30:01.876" v="163" actId="47"/>
        <pc:sldMasterMkLst>
          <pc:docMk/>
          <pc:sldMasterMk cId="0" sldId="2147483658"/>
        </pc:sldMasterMkLst>
        <pc:spChg chg="mod">
          <ac:chgData name="Nitsche, Rainer" userId="b0459796-2dba-4711-99d0-2635315bc4ac" providerId="ADAL" clId="{DD22B1EE-1AB9-4A82-AD2E-E7AE46E39B14}" dt="2023-07-20T07:21:01.430" v="0" actId="20577"/>
          <ac:spMkLst>
            <pc:docMk/>
            <pc:sldMasterMk cId="0" sldId="2147483658"/>
            <ac:spMk id="16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1" v="1" actId="20577"/>
          <ac:spMkLst>
            <pc:docMk/>
            <pc:sldMasterMk cId="0" sldId="2147483658"/>
            <ac:spMk id="25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2" v="2" actId="20577"/>
          <ac:spMkLst>
            <pc:docMk/>
            <pc:sldMasterMk cId="0" sldId="2147483658"/>
            <ac:spMk id="26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3" v="4" actId="20577"/>
          <ac:spMkLst>
            <pc:docMk/>
            <pc:sldMasterMk cId="0" sldId="2147483658"/>
            <ac:spMk id="29" creationId="{00000000-0000-0000-0000-000000000000}"/>
          </ac:spMkLst>
        </pc:spChg>
        <pc:spChg chg="mod">
          <ac:chgData name="Nitsche, Rainer" userId="b0459796-2dba-4711-99d0-2635315bc4ac" providerId="ADAL" clId="{DD22B1EE-1AB9-4A82-AD2E-E7AE46E39B14}" dt="2023-07-20T07:21:01.433" v="5" actId="20577"/>
          <ac:spMkLst>
            <pc:docMk/>
            <pc:sldMasterMk cId="0" sldId="2147483658"/>
            <ac:spMk id="30" creationId="{00000000-0000-0000-0000-000000000000}"/>
          </ac:spMkLst>
        </pc:spChg>
        <pc:sldLayoutChg chg="del">
          <pc:chgData name="Nitsche, Rainer" userId="b0459796-2dba-4711-99d0-2635315bc4ac" providerId="ADAL" clId="{DD22B1EE-1AB9-4A82-AD2E-E7AE46E39B14}" dt="2023-07-21T13:30:01.876" v="163" actId="47"/>
          <pc:sldLayoutMkLst>
            <pc:docMk/>
            <pc:sldMasterMk cId="0" sldId="2147483658"/>
            <pc:sldLayoutMk cId="2797932445" sldId="2147483700"/>
          </pc:sldLayoutMkLst>
        </pc:sldLayoutChg>
      </pc:sldMasterChg>
      <pc:sldMasterChg chg="modSp del mod delSldLayout">
        <pc:chgData name="Nitsche, Rainer" userId="b0459796-2dba-4711-99d0-2635315bc4ac" providerId="ADAL" clId="{DD22B1EE-1AB9-4A82-AD2E-E7AE46E39B14}" dt="2023-07-20T07:21:36.165" v="15" actId="47"/>
        <pc:sldMasterMkLst>
          <pc:docMk/>
          <pc:sldMasterMk cId="887139741" sldId="2147483710"/>
        </pc:sldMasterMkLst>
        <pc:spChg chg="mod">
          <ac:chgData name="Nitsche, Rainer" userId="b0459796-2dba-4711-99d0-2635315bc4ac" providerId="ADAL" clId="{DD22B1EE-1AB9-4A82-AD2E-E7AE46E39B14}" dt="2023-07-20T07:21:01.434" v="6" actId="20577"/>
          <ac:spMkLst>
            <pc:docMk/>
            <pc:sldMasterMk cId="887139741" sldId="2147483710"/>
            <ac:spMk id="14" creationId="{167E6116-547F-4DA2-8B32-B52CEC170488}"/>
          </ac:spMkLst>
        </pc:spChg>
        <pc:spChg chg="mod">
          <ac:chgData name="Nitsche, Rainer" userId="b0459796-2dba-4711-99d0-2635315bc4ac" providerId="ADAL" clId="{DD22B1EE-1AB9-4A82-AD2E-E7AE46E39B14}" dt="2023-07-20T07:21:01.434" v="7" actId="20577"/>
          <ac:spMkLst>
            <pc:docMk/>
            <pc:sldMasterMk cId="887139741" sldId="2147483710"/>
            <ac:spMk id="18" creationId="{FCB2CA88-55CA-4B52-BF9C-B91DA79D001C}"/>
          </ac:spMkLst>
        </pc:spChg>
        <pc:spChg chg="mod">
          <ac:chgData name="Nitsche, Rainer" userId="b0459796-2dba-4711-99d0-2635315bc4ac" providerId="ADAL" clId="{DD22B1EE-1AB9-4A82-AD2E-E7AE46E39B14}" dt="2023-07-20T07:21:01.435" v="8" actId="20577"/>
          <ac:spMkLst>
            <pc:docMk/>
            <pc:sldMasterMk cId="887139741" sldId="2147483710"/>
            <ac:spMk id="19" creationId="{FBED14F9-5BAA-4FBF-8094-BE626F5D3C10}"/>
          </ac:spMkLst>
        </pc:spChg>
        <pc:spChg chg="mod">
          <ac:chgData name="Nitsche, Rainer" userId="b0459796-2dba-4711-99d0-2635315bc4ac" providerId="ADAL" clId="{DD22B1EE-1AB9-4A82-AD2E-E7AE46E39B14}" dt="2023-07-20T07:21:01.436" v="10" actId="20577"/>
          <ac:spMkLst>
            <pc:docMk/>
            <pc:sldMasterMk cId="887139741" sldId="2147483710"/>
            <ac:spMk id="21" creationId="{2181478D-0DD7-412E-8C1D-A44EFBA7A273}"/>
          </ac:spMkLst>
        </pc:spChg>
        <pc:spChg chg="mod">
          <ac:chgData name="Nitsche, Rainer" userId="b0459796-2dba-4711-99d0-2635315bc4ac" providerId="ADAL" clId="{DD22B1EE-1AB9-4A82-AD2E-E7AE46E39B14}" dt="2023-07-20T07:21:01.436" v="11" actId="20577"/>
          <ac:spMkLst>
            <pc:docMk/>
            <pc:sldMasterMk cId="887139741" sldId="2147483710"/>
            <ac:spMk id="22" creationId="{9383205B-076A-4FA4-ABDF-40FB0F1537D9}"/>
          </ac:spMkLst>
        </pc:sp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252084537" sldId="2147483711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3279857022" sldId="2147483712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3780426807" sldId="2147483713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3160302431" sldId="2147483714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716249811" sldId="2147483715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2278658729" sldId="2147483716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365754838" sldId="2147483717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242605267" sldId="2147483718"/>
          </pc:sldLayoutMkLst>
        </pc:sldLayoutChg>
        <pc:sldLayoutChg chg="del">
          <pc:chgData name="Nitsche, Rainer" userId="b0459796-2dba-4711-99d0-2635315bc4ac" providerId="ADAL" clId="{DD22B1EE-1AB9-4A82-AD2E-E7AE46E39B14}" dt="2023-07-20T07:21:36.165" v="15" actId="47"/>
          <pc:sldLayoutMkLst>
            <pc:docMk/>
            <pc:sldMasterMk cId="887139741" sldId="2147483710"/>
            <pc:sldLayoutMk cId="1005816840" sldId="2147483719"/>
          </pc:sldLayoutMkLst>
        </pc:sldLayoutChg>
      </pc:sldMasterChg>
    </pc:docChg>
  </pc:docChgLst>
  <pc:docChgLst>
    <pc:chgData name="Nitsche, Rainer" userId="b0459796-2dba-4711-99d0-2635315bc4ac" providerId="ADAL" clId="{104A0FAD-1A32-46DF-B188-625334230143}"/>
    <pc:docChg chg="undo custSel addSld delSld modSld sldOrd modMainMaster modSection">
      <pc:chgData name="Nitsche, Rainer" userId="b0459796-2dba-4711-99d0-2635315bc4ac" providerId="ADAL" clId="{104A0FAD-1A32-46DF-B188-625334230143}" dt="2023-11-07T12:20:01.086" v="5043" actId="1076"/>
      <pc:docMkLst>
        <pc:docMk/>
      </pc:docMkLst>
      <pc:sldChg chg="del">
        <pc:chgData name="Nitsche, Rainer" userId="b0459796-2dba-4711-99d0-2635315bc4ac" providerId="ADAL" clId="{104A0FAD-1A32-46DF-B188-625334230143}" dt="2023-10-24T14:03:12.905" v="1170" actId="47"/>
        <pc:sldMkLst>
          <pc:docMk/>
          <pc:sldMk cId="2137624205" sldId="2147375238"/>
        </pc:sldMkLst>
      </pc:sldChg>
      <pc:sldChg chg="addSp delSp modSp mod">
        <pc:chgData name="Nitsche, Rainer" userId="b0459796-2dba-4711-99d0-2635315bc4ac" providerId="ADAL" clId="{104A0FAD-1A32-46DF-B188-625334230143}" dt="2023-11-07T09:38:01.291" v="5013" actId="20577"/>
        <pc:sldMkLst>
          <pc:docMk/>
          <pc:sldMk cId="896859053" sldId="2147375240"/>
        </pc:sldMkLst>
        <pc:spChg chg="mod">
          <ac:chgData name="Nitsche, Rainer" userId="b0459796-2dba-4711-99d0-2635315bc4ac" providerId="ADAL" clId="{104A0FAD-1A32-46DF-B188-625334230143}" dt="2023-10-24T13:55:10.537" v="936" actId="14100"/>
          <ac:spMkLst>
            <pc:docMk/>
            <pc:sldMk cId="896859053" sldId="2147375240"/>
            <ac:spMk id="3" creationId="{DE6F6B1C-BB8E-8CE1-DC5D-9B107569CEAB}"/>
          </ac:spMkLst>
        </pc:spChg>
        <pc:spChg chg="mod">
          <ac:chgData name="Nitsche, Rainer" userId="b0459796-2dba-4711-99d0-2635315bc4ac" providerId="ADAL" clId="{104A0FAD-1A32-46DF-B188-625334230143}" dt="2023-10-26T06:08:28.883" v="1489" actId="20577"/>
          <ac:spMkLst>
            <pc:docMk/>
            <pc:sldMk cId="896859053" sldId="2147375240"/>
            <ac:spMk id="4" creationId="{D0BA69E1-4BCD-2F7C-E994-BC96FB4B7A88}"/>
          </ac:spMkLst>
        </pc:spChg>
        <pc:spChg chg="del">
          <ac:chgData name="Nitsche, Rainer" userId="b0459796-2dba-4711-99d0-2635315bc4ac" providerId="ADAL" clId="{104A0FAD-1A32-46DF-B188-625334230143}" dt="2023-10-24T13:19:34.787" v="276" actId="478"/>
          <ac:spMkLst>
            <pc:docMk/>
            <pc:sldMk cId="896859053" sldId="2147375240"/>
            <ac:spMk id="5" creationId="{0801D4A1-8435-0C3C-9615-94336BE0ACB4}"/>
          </ac:spMkLst>
        </pc:spChg>
        <pc:spChg chg="mod">
          <ac:chgData name="Nitsche, Rainer" userId="b0459796-2dba-4711-99d0-2635315bc4ac" providerId="ADAL" clId="{104A0FAD-1A32-46DF-B188-625334230143}" dt="2023-10-24T13:53:52.201" v="881"/>
          <ac:spMkLst>
            <pc:docMk/>
            <pc:sldMk cId="896859053" sldId="2147375240"/>
            <ac:spMk id="11" creationId="{000E36A3-99A2-2C31-C19A-D1CEC156A576}"/>
          </ac:spMkLst>
        </pc:spChg>
        <pc:spChg chg="mod">
          <ac:chgData name="Nitsche, Rainer" userId="b0459796-2dba-4711-99d0-2635315bc4ac" providerId="ADAL" clId="{104A0FAD-1A32-46DF-B188-625334230143}" dt="2023-10-24T13:53:52.200" v="879"/>
          <ac:spMkLst>
            <pc:docMk/>
            <pc:sldMk cId="896859053" sldId="2147375240"/>
            <ac:spMk id="15" creationId="{9600C82F-681E-C9D3-F3F7-FBCDFC72CFF1}"/>
          </ac:spMkLst>
        </pc:spChg>
        <pc:spChg chg="mod">
          <ac:chgData name="Nitsche, Rainer" userId="b0459796-2dba-4711-99d0-2635315bc4ac" providerId="ADAL" clId="{104A0FAD-1A32-46DF-B188-625334230143}" dt="2023-10-24T13:53:52.201" v="880"/>
          <ac:spMkLst>
            <pc:docMk/>
            <pc:sldMk cId="896859053" sldId="2147375240"/>
            <ac:spMk id="16" creationId="{22B80FFE-7B75-A782-F19A-7581A6E240C1}"/>
          </ac:spMkLst>
        </pc:spChg>
        <pc:spChg chg="add del mod">
          <ac:chgData name="Nitsche, Rainer" userId="b0459796-2dba-4711-99d0-2635315bc4ac" providerId="ADAL" clId="{104A0FAD-1A32-46DF-B188-625334230143}" dt="2023-11-07T09:30:03.706" v="5002" actId="478"/>
          <ac:spMkLst>
            <pc:docMk/>
            <pc:sldMk cId="896859053" sldId="2147375240"/>
            <ac:spMk id="18" creationId="{6D526307-7F86-383C-CDE7-142282991FC0}"/>
          </ac:spMkLst>
        </pc:spChg>
        <pc:spChg chg="add mod">
          <ac:chgData name="Nitsche, Rainer" userId="b0459796-2dba-4711-99d0-2635315bc4ac" providerId="ADAL" clId="{104A0FAD-1A32-46DF-B188-625334230143}" dt="2023-11-07T09:29:55.637" v="5001" actId="1076"/>
          <ac:spMkLst>
            <pc:docMk/>
            <pc:sldMk cId="896859053" sldId="2147375240"/>
            <ac:spMk id="19" creationId="{9DC761DB-DB29-7EB9-C089-D61E986EC264}"/>
          </ac:spMkLst>
        </pc:spChg>
        <pc:spChg chg="del">
          <ac:chgData name="Nitsche, Rainer" userId="b0459796-2dba-4711-99d0-2635315bc4ac" providerId="ADAL" clId="{104A0FAD-1A32-46DF-B188-625334230143}" dt="2023-10-24T13:19:37.189" v="277" actId="478"/>
          <ac:spMkLst>
            <pc:docMk/>
            <pc:sldMk cId="896859053" sldId="2147375240"/>
            <ac:spMk id="19" creationId="{AC6A0967-2431-56E7-F862-84631221EAE5}"/>
          </ac:spMkLst>
        </pc:spChg>
        <pc:spChg chg="mod">
          <ac:chgData name="Nitsche, Rainer" userId="b0459796-2dba-4711-99d0-2635315bc4ac" providerId="ADAL" clId="{104A0FAD-1A32-46DF-B188-625334230143}" dt="2023-11-07T06:44:58.306" v="3512" actId="1076"/>
          <ac:spMkLst>
            <pc:docMk/>
            <pc:sldMk cId="896859053" sldId="2147375240"/>
            <ac:spMk id="20" creationId="{D53AC388-07E1-DA08-4511-37D09182B488}"/>
          </ac:spMkLst>
        </pc:spChg>
        <pc:spChg chg="del">
          <ac:chgData name="Nitsche, Rainer" userId="b0459796-2dba-4711-99d0-2635315bc4ac" providerId="ADAL" clId="{104A0FAD-1A32-46DF-B188-625334230143}" dt="2023-10-24T13:19:18.684" v="267" actId="478"/>
          <ac:spMkLst>
            <pc:docMk/>
            <pc:sldMk cId="896859053" sldId="2147375240"/>
            <ac:spMk id="21" creationId="{BDF56AC4-4B15-90BC-92C5-6446AC252EA1}"/>
          </ac:spMkLst>
        </pc:spChg>
        <pc:spChg chg="del">
          <ac:chgData name="Nitsche, Rainer" userId="b0459796-2dba-4711-99d0-2635315bc4ac" providerId="ADAL" clId="{104A0FAD-1A32-46DF-B188-625334230143}" dt="2023-10-24T13:19:21.390" v="268" actId="478"/>
          <ac:spMkLst>
            <pc:docMk/>
            <pc:sldMk cId="896859053" sldId="2147375240"/>
            <ac:spMk id="22" creationId="{FD1C9D44-3F1A-228A-9C48-F6F0F0DBC8B2}"/>
          </ac:spMkLst>
        </pc:spChg>
        <pc:spChg chg="del">
          <ac:chgData name="Nitsche, Rainer" userId="b0459796-2dba-4711-99d0-2635315bc4ac" providerId="ADAL" clId="{104A0FAD-1A32-46DF-B188-625334230143}" dt="2023-10-24T13:19:23.688" v="270" actId="478"/>
          <ac:spMkLst>
            <pc:docMk/>
            <pc:sldMk cId="896859053" sldId="2147375240"/>
            <ac:spMk id="23" creationId="{5BC28CD7-25AC-7AC8-EFF1-4F7D8BE0B9A5}"/>
          </ac:spMkLst>
        </pc:spChg>
        <pc:spChg chg="add mod">
          <ac:chgData name="Nitsche, Rainer" userId="b0459796-2dba-4711-99d0-2635315bc4ac" providerId="ADAL" clId="{104A0FAD-1A32-46DF-B188-625334230143}" dt="2023-10-24T13:47:35.080" v="795" actId="164"/>
          <ac:spMkLst>
            <pc:docMk/>
            <pc:sldMk cId="896859053" sldId="2147375240"/>
            <ac:spMk id="27" creationId="{246D1152-184D-64F3-B2DB-A0C8C640B4F1}"/>
          </ac:spMkLst>
        </pc:spChg>
        <pc:spChg chg="del">
          <ac:chgData name="Nitsche, Rainer" userId="b0459796-2dba-4711-99d0-2635315bc4ac" providerId="ADAL" clId="{104A0FAD-1A32-46DF-B188-625334230143}" dt="2023-10-24T13:19:21.390" v="268" actId="478"/>
          <ac:spMkLst>
            <pc:docMk/>
            <pc:sldMk cId="896859053" sldId="2147375240"/>
            <ac:spMk id="28" creationId="{AE81D9F4-F347-2B6F-96C2-FD24A98A8987}"/>
          </ac:spMkLst>
        </pc:spChg>
        <pc:spChg chg="del mod">
          <ac:chgData name="Nitsche, Rainer" userId="b0459796-2dba-4711-99d0-2635315bc4ac" providerId="ADAL" clId="{104A0FAD-1A32-46DF-B188-625334230143}" dt="2023-10-24T13:19:24.474" v="272" actId="478"/>
          <ac:spMkLst>
            <pc:docMk/>
            <pc:sldMk cId="896859053" sldId="2147375240"/>
            <ac:spMk id="29" creationId="{F7661A3C-4B01-0EAF-14E2-532A63DA0FA7}"/>
          </ac:spMkLst>
        </pc:spChg>
        <pc:spChg chg="del">
          <ac:chgData name="Nitsche, Rainer" userId="b0459796-2dba-4711-99d0-2635315bc4ac" providerId="ADAL" clId="{104A0FAD-1A32-46DF-B188-625334230143}" dt="2023-10-24T13:19:22.827" v="269" actId="478"/>
          <ac:spMkLst>
            <pc:docMk/>
            <pc:sldMk cId="896859053" sldId="2147375240"/>
            <ac:spMk id="30" creationId="{FD907E56-7E58-260A-B495-D4F85E6F5DC2}"/>
          </ac:spMkLst>
        </pc:spChg>
        <pc:spChg chg="add mod">
          <ac:chgData name="Nitsche, Rainer" userId="b0459796-2dba-4711-99d0-2635315bc4ac" providerId="ADAL" clId="{104A0FAD-1A32-46DF-B188-625334230143}" dt="2023-10-24T13:47:35.080" v="795" actId="164"/>
          <ac:spMkLst>
            <pc:docMk/>
            <pc:sldMk cId="896859053" sldId="2147375240"/>
            <ac:spMk id="32" creationId="{EAA1C34C-5FAD-E2FD-37D1-6511A7F9E0EB}"/>
          </ac:spMkLst>
        </pc:spChg>
        <pc:spChg chg="mod">
          <ac:chgData name="Nitsche, Rainer" userId="b0459796-2dba-4711-99d0-2635315bc4ac" providerId="ADAL" clId="{104A0FAD-1A32-46DF-B188-625334230143}" dt="2023-10-24T13:48:14.087" v="800"/>
          <ac:spMkLst>
            <pc:docMk/>
            <pc:sldMk cId="896859053" sldId="2147375240"/>
            <ac:spMk id="39" creationId="{49798549-C098-8EF5-DF20-8877CA1377A5}"/>
          </ac:spMkLst>
        </pc:spChg>
        <pc:spChg chg="mod">
          <ac:chgData name="Nitsche, Rainer" userId="b0459796-2dba-4711-99d0-2635315bc4ac" providerId="ADAL" clId="{104A0FAD-1A32-46DF-B188-625334230143}" dt="2023-10-24T13:48:14.087" v="800"/>
          <ac:spMkLst>
            <pc:docMk/>
            <pc:sldMk cId="896859053" sldId="2147375240"/>
            <ac:spMk id="40" creationId="{3A97F27F-B208-A4CD-BA09-377711A79C92}"/>
          </ac:spMkLst>
        </pc:spChg>
        <pc:spChg chg="mod">
          <ac:chgData name="Nitsche, Rainer" userId="b0459796-2dba-4711-99d0-2635315bc4ac" providerId="ADAL" clId="{104A0FAD-1A32-46DF-B188-625334230143}" dt="2023-11-07T09:38:01.291" v="5013" actId="20577"/>
          <ac:spMkLst>
            <pc:docMk/>
            <pc:sldMk cId="896859053" sldId="2147375240"/>
            <ac:spMk id="41" creationId="{05F2B298-3CE3-90B0-0D37-2AD05EE91269}"/>
          </ac:spMkLst>
        </pc:spChg>
        <pc:spChg chg="add mod">
          <ac:chgData name="Nitsche, Rainer" userId="b0459796-2dba-4711-99d0-2635315bc4ac" providerId="ADAL" clId="{104A0FAD-1A32-46DF-B188-625334230143}" dt="2023-11-07T06:48:13.614" v="3683" actId="1038"/>
          <ac:spMkLst>
            <pc:docMk/>
            <pc:sldMk cId="896859053" sldId="2147375240"/>
            <ac:spMk id="47" creationId="{D0EA3AE8-E413-3E83-0D0E-C42F39611B79}"/>
          </ac:spMkLst>
        </pc:spChg>
        <pc:spChg chg="add del mod">
          <ac:chgData name="Nitsche, Rainer" userId="b0459796-2dba-4711-99d0-2635315bc4ac" providerId="ADAL" clId="{104A0FAD-1A32-46DF-B188-625334230143}" dt="2023-10-24T13:55:27.704" v="940" actId="478"/>
          <ac:spMkLst>
            <pc:docMk/>
            <pc:sldMk cId="896859053" sldId="2147375240"/>
            <ac:spMk id="48" creationId="{EA653ED0-B345-2F01-DFB1-20A55C9E4EDD}"/>
          </ac:spMkLst>
        </pc:spChg>
        <pc:spChg chg="add del mod">
          <ac:chgData name="Nitsche, Rainer" userId="b0459796-2dba-4711-99d0-2635315bc4ac" providerId="ADAL" clId="{104A0FAD-1A32-46DF-B188-625334230143}" dt="2023-10-24T13:57:37.799" v="1031" actId="478"/>
          <ac:spMkLst>
            <pc:docMk/>
            <pc:sldMk cId="896859053" sldId="2147375240"/>
            <ac:spMk id="49" creationId="{BC2C5551-C3A6-3A26-A8E8-A1D4B7DAA68B}"/>
          </ac:spMkLst>
        </pc:spChg>
        <pc:spChg chg="add del mod">
          <ac:chgData name="Nitsche, Rainer" userId="b0459796-2dba-4711-99d0-2635315bc4ac" providerId="ADAL" clId="{104A0FAD-1A32-46DF-B188-625334230143}" dt="2023-10-24T13:57:35.221" v="1030" actId="478"/>
          <ac:spMkLst>
            <pc:docMk/>
            <pc:sldMk cId="896859053" sldId="2147375240"/>
            <ac:spMk id="50" creationId="{485C05B2-BB92-0374-BA36-F986CC6528DB}"/>
          </ac:spMkLst>
        </pc:spChg>
        <pc:spChg chg="add mod">
          <ac:chgData name="Nitsche, Rainer" userId="b0459796-2dba-4711-99d0-2635315bc4ac" providerId="ADAL" clId="{104A0FAD-1A32-46DF-B188-625334230143}" dt="2023-11-07T06:48:13.614" v="3683" actId="1038"/>
          <ac:spMkLst>
            <pc:docMk/>
            <pc:sldMk cId="896859053" sldId="2147375240"/>
            <ac:spMk id="77" creationId="{7D5E808D-FCE4-75F7-C2D2-4A185EE79EF7}"/>
          </ac:spMkLst>
        </pc:spChg>
        <pc:spChg chg="add mod">
          <ac:chgData name="Nitsche, Rainer" userId="b0459796-2dba-4711-99d0-2635315bc4ac" providerId="ADAL" clId="{104A0FAD-1A32-46DF-B188-625334230143}" dt="2023-11-07T06:48:13.614" v="3683" actId="1038"/>
          <ac:spMkLst>
            <pc:docMk/>
            <pc:sldMk cId="896859053" sldId="2147375240"/>
            <ac:spMk id="78" creationId="{416270E1-2DED-47FE-8AE0-AD65E6DD8027}"/>
          </ac:spMkLst>
        </pc:spChg>
        <pc:grpChg chg="add mod">
          <ac:chgData name="Nitsche, Rainer" userId="b0459796-2dba-4711-99d0-2635315bc4ac" providerId="ADAL" clId="{104A0FAD-1A32-46DF-B188-625334230143}" dt="2023-10-24T13:48:34.518" v="802" actId="164"/>
          <ac:grpSpMkLst>
            <pc:docMk/>
            <pc:sldMk cId="896859053" sldId="2147375240"/>
            <ac:grpSpMk id="36" creationId="{1928E530-A7D5-DCE8-D780-F7CEEA8B3D7C}"/>
          </ac:grpSpMkLst>
        </pc:grpChg>
        <pc:grpChg chg="add mod">
          <ac:chgData name="Nitsche, Rainer" userId="b0459796-2dba-4711-99d0-2635315bc4ac" providerId="ADAL" clId="{104A0FAD-1A32-46DF-B188-625334230143}" dt="2023-10-24T13:48:45.437" v="804" actId="164"/>
          <ac:grpSpMkLst>
            <pc:docMk/>
            <pc:sldMk cId="896859053" sldId="2147375240"/>
            <ac:grpSpMk id="38" creationId="{1826CEF1-814D-1D7B-C71B-E91A7782ED80}"/>
          </ac:grpSpMkLst>
        </pc:grpChg>
        <pc:grpChg chg="add mod">
          <ac:chgData name="Nitsche, Rainer" userId="b0459796-2dba-4711-99d0-2635315bc4ac" providerId="ADAL" clId="{104A0FAD-1A32-46DF-B188-625334230143}" dt="2023-11-07T06:48:13.614" v="3683" actId="1038"/>
          <ac:grpSpMkLst>
            <pc:docMk/>
            <pc:sldMk cId="896859053" sldId="2147375240"/>
            <ac:grpSpMk id="43" creationId="{5881A125-1091-DBD5-75BF-AFAAF7A3D2AF}"/>
          </ac:grpSpMkLst>
        </pc:grpChg>
        <pc:grpChg chg="add mod">
          <ac:chgData name="Nitsche, Rainer" userId="b0459796-2dba-4711-99d0-2635315bc4ac" providerId="ADAL" clId="{104A0FAD-1A32-46DF-B188-625334230143}" dt="2023-11-07T06:48:13.614" v="3683" actId="1038"/>
          <ac:grpSpMkLst>
            <pc:docMk/>
            <pc:sldMk cId="896859053" sldId="2147375240"/>
            <ac:grpSpMk id="44" creationId="{3A950491-AE9A-6244-8E33-FAD57B602C28}"/>
          </ac:grpSpMkLst>
        </pc:grpChg>
        <pc:picChg chg="add mod">
          <ac:chgData name="Nitsche, Rainer" userId="b0459796-2dba-4711-99d0-2635315bc4ac" providerId="ADAL" clId="{104A0FAD-1A32-46DF-B188-625334230143}" dt="2023-11-07T06:48:21.045" v="3709" actId="1037"/>
          <ac:picMkLst>
            <pc:docMk/>
            <pc:sldMk cId="896859053" sldId="2147375240"/>
            <ac:picMk id="6" creationId="{8EF81F50-F525-1CD9-4B6D-A1EFA8F5FB80}"/>
          </ac:picMkLst>
        </pc:picChg>
        <pc:picChg chg="add mod modCrop">
          <ac:chgData name="Nitsche, Rainer" userId="b0459796-2dba-4711-99d0-2635315bc4ac" providerId="ADAL" clId="{104A0FAD-1A32-46DF-B188-625334230143}" dt="2023-11-07T06:55:33.726" v="3874" actId="1076"/>
          <ac:picMkLst>
            <pc:docMk/>
            <pc:sldMk cId="896859053" sldId="2147375240"/>
            <ac:picMk id="7" creationId="{39937951-4296-3CAA-F21B-E97D5BE58718}"/>
          </ac:picMkLst>
        </pc:picChg>
        <pc:picChg chg="del">
          <ac:chgData name="Nitsche, Rainer" userId="b0459796-2dba-4711-99d0-2635315bc4ac" providerId="ADAL" clId="{104A0FAD-1A32-46DF-B188-625334230143}" dt="2023-10-24T13:19:13.653" v="265" actId="478"/>
          <ac:picMkLst>
            <pc:docMk/>
            <pc:sldMk cId="896859053" sldId="2147375240"/>
            <ac:picMk id="7" creationId="{41F8AF72-4985-7C97-E3AF-84A22564C75D}"/>
          </ac:picMkLst>
        </pc:picChg>
        <pc:picChg chg="del">
          <ac:chgData name="Nitsche, Rainer" userId="b0459796-2dba-4711-99d0-2635315bc4ac" providerId="ADAL" clId="{104A0FAD-1A32-46DF-B188-625334230143}" dt="2023-10-24T13:19:32.849" v="274" actId="478"/>
          <ac:picMkLst>
            <pc:docMk/>
            <pc:sldMk cId="896859053" sldId="2147375240"/>
            <ac:picMk id="24" creationId="{A111110C-62EA-1D35-C2DD-64963191962B}"/>
          </ac:picMkLst>
        </pc:picChg>
        <pc:picChg chg="del">
          <ac:chgData name="Nitsche, Rainer" userId="b0459796-2dba-4711-99d0-2635315bc4ac" providerId="ADAL" clId="{104A0FAD-1A32-46DF-B188-625334230143}" dt="2023-10-24T13:19:17.570" v="266" actId="478"/>
          <ac:picMkLst>
            <pc:docMk/>
            <pc:sldMk cId="896859053" sldId="2147375240"/>
            <ac:picMk id="26" creationId="{646F9DAB-1A40-3F99-1821-317EC1289C7C}"/>
          </ac:picMkLst>
        </pc:picChg>
        <pc:picChg chg="mo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52" creationId="{3D9FE8CF-B90F-2A45-D0B8-91EE03C6C16F}"/>
          </ac:picMkLst>
        </pc:picChg>
        <pc:picChg chg="add del mod">
          <ac:chgData name="Nitsche, Rainer" userId="b0459796-2dba-4711-99d0-2635315bc4ac" providerId="ADAL" clId="{104A0FAD-1A32-46DF-B188-625334230143}" dt="2023-10-24T13:54:09.840" v="908" actId="478"/>
          <ac:picMkLst>
            <pc:docMk/>
            <pc:sldMk cId="896859053" sldId="2147375240"/>
            <ac:picMk id="53" creationId="{92D020DE-CE56-45D7-D8C8-00CCBE72C273}"/>
          </ac:picMkLst>
        </pc:picChg>
        <pc:picChg chg="add del mod">
          <ac:chgData name="Nitsche, Rainer" userId="b0459796-2dba-4711-99d0-2635315bc4ac" providerId="ADAL" clId="{104A0FAD-1A32-46DF-B188-625334230143}" dt="2023-10-24T13:54:38.809" v="934" actId="478"/>
          <ac:picMkLst>
            <pc:docMk/>
            <pc:sldMk cId="896859053" sldId="2147375240"/>
            <ac:picMk id="54" creationId="{722518A5-779D-CF63-1DBC-3A50CAB3D466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56" creationId="{90BE8128-DA07-D533-A5DB-B13192EF2260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58" creationId="{9E3CBC33-8E1C-9BCD-1167-F78E5E8DE7FD}"/>
          </ac:picMkLst>
        </pc:picChg>
        <pc:picChg chg="add del mod">
          <ac:chgData name="Nitsche, Rainer" userId="b0459796-2dba-4711-99d0-2635315bc4ac" providerId="ADAL" clId="{104A0FAD-1A32-46DF-B188-625334230143}" dt="2023-10-24T13:56:20.641" v="967" actId="478"/>
          <ac:picMkLst>
            <pc:docMk/>
            <pc:sldMk cId="896859053" sldId="2147375240"/>
            <ac:picMk id="59" creationId="{ADAE232A-E6B8-BF9A-67EF-52CA10CEFBD4}"/>
          </ac:picMkLst>
        </pc:picChg>
        <pc:picChg chg="del mod ord replST">
          <ac:chgData name="Nitsche, Rainer" userId="b0459796-2dba-4711-99d0-2635315bc4ac" providerId="ADAL" clId="{104A0FAD-1A32-46DF-B188-625334230143}" dt="2023-10-24T13:57:05.773" v="995" actId="478"/>
          <ac:picMkLst>
            <pc:docMk/>
            <pc:sldMk cId="896859053" sldId="2147375240"/>
            <ac:picMk id="61" creationId="{0808784D-3400-9B8C-2A35-EB6E4BC3C507}"/>
          </ac:picMkLst>
        </pc:picChg>
        <pc:picChg chg="del mod ord replST">
          <ac:chgData name="Nitsche, Rainer" userId="b0459796-2dba-4711-99d0-2635315bc4ac" providerId="ADAL" clId="{104A0FAD-1A32-46DF-B188-625334230143}" dt="2023-10-24T13:57:23.996" v="1024" actId="478"/>
          <ac:picMkLst>
            <pc:docMk/>
            <pc:sldMk cId="896859053" sldId="2147375240"/>
            <ac:picMk id="63" creationId="{BDD1A5BF-048A-B09A-D653-7EF45DC5C483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65" creationId="{AAFA4C60-3FE4-BC1E-1487-F61CD94A52A1}"/>
          </ac:picMkLst>
        </pc:picChg>
        <pc:picChg chg="add del mod">
          <ac:chgData name="Nitsche, Rainer" userId="b0459796-2dba-4711-99d0-2635315bc4ac" providerId="ADAL" clId="{104A0FAD-1A32-46DF-B188-625334230143}" dt="2023-10-24T13:57:57.748" v="1060" actId="478"/>
          <ac:picMkLst>
            <pc:docMk/>
            <pc:sldMk cId="896859053" sldId="2147375240"/>
            <ac:picMk id="66" creationId="{1A812601-E15B-4296-5B4C-9E46C852077C}"/>
          </ac:picMkLst>
        </pc:picChg>
        <pc:picChg chg="add del mod">
          <ac:chgData name="Nitsche, Rainer" userId="b0459796-2dba-4711-99d0-2635315bc4ac" providerId="ADAL" clId="{104A0FAD-1A32-46DF-B188-625334230143}" dt="2023-10-24T13:58:11.546" v="1086" actId="478"/>
          <ac:picMkLst>
            <pc:docMk/>
            <pc:sldMk cId="896859053" sldId="2147375240"/>
            <ac:picMk id="67" creationId="{E9DA1602-76D1-1167-C9DD-C4D108B3B427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69" creationId="{04ABB2E8-673C-A8CB-C0F2-76532580EC78}"/>
          </ac:picMkLst>
        </pc:picChg>
        <pc:picChg chg="mod ord replST">
          <ac:chgData name="Nitsche, Rainer" userId="b0459796-2dba-4711-99d0-2635315bc4ac" providerId="ADAL" clId="{104A0FAD-1A32-46DF-B188-625334230143}" dt="2023-11-07T06:48:13.614" v="3683" actId="1038"/>
          <ac:picMkLst>
            <pc:docMk/>
            <pc:sldMk cId="896859053" sldId="2147375240"/>
            <ac:picMk id="71" creationId="{7A8DB232-4633-BC46-C88D-648E04D8338A}"/>
          </ac:picMkLst>
        </pc:picChg>
        <pc:cxnChg chg="add mod">
          <ac:chgData name="Nitsche, Rainer" userId="b0459796-2dba-4711-99d0-2635315bc4ac" providerId="ADAL" clId="{104A0FAD-1A32-46DF-B188-625334230143}" dt="2023-10-24T13:48:34.518" v="802" actId="164"/>
          <ac:cxnSpMkLst>
            <pc:docMk/>
            <pc:sldMk cId="896859053" sldId="2147375240"/>
            <ac:cxnSpMk id="25" creationId="{7BCC8064-8E57-7B84-47A5-708E1352CCAD}"/>
          </ac:cxnSpMkLst>
        </pc:cxnChg>
        <pc:cxnChg chg="add mod">
          <ac:chgData name="Nitsche, Rainer" userId="b0459796-2dba-4711-99d0-2635315bc4ac" providerId="ADAL" clId="{104A0FAD-1A32-46DF-B188-625334230143}" dt="2023-10-24T13:47:35.080" v="795" actId="164"/>
          <ac:cxnSpMkLst>
            <pc:docMk/>
            <pc:sldMk cId="896859053" sldId="2147375240"/>
            <ac:cxnSpMk id="34" creationId="{87D08AF4-49E5-9077-216D-BABB5FEFA1A5}"/>
          </ac:cxnSpMkLst>
        </pc:cxnChg>
        <pc:cxnChg chg="add mod">
          <ac:chgData name="Nitsche, Rainer" userId="b0459796-2dba-4711-99d0-2635315bc4ac" providerId="ADAL" clId="{104A0FAD-1A32-46DF-B188-625334230143}" dt="2023-10-24T13:48:45.437" v="804" actId="164"/>
          <ac:cxnSpMkLst>
            <pc:docMk/>
            <pc:sldMk cId="896859053" sldId="2147375240"/>
            <ac:cxnSpMk id="37" creationId="{84E43F65-8FDA-935C-9BDA-27D5AC503B2D}"/>
          </ac:cxnSpMkLst>
        </pc:cxnChg>
        <pc:cxnChg chg="mod">
          <ac:chgData name="Nitsche, Rainer" userId="b0459796-2dba-4711-99d0-2635315bc4ac" providerId="ADAL" clId="{104A0FAD-1A32-46DF-B188-625334230143}" dt="2023-10-24T13:48:14.087" v="800"/>
          <ac:cxnSpMkLst>
            <pc:docMk/>
            <pc:sldMk cId="896859053" sldId="2147375240"/>
            <ac:cxnSpMk id="42" creationId="{73541353-73AD-E1CD-FDA3-E21BADE119FD}"/>
          </ac:cxnSpMkLst>
        </pc:cxnChg>
        <pc:cxnChg chg="add mod">
          <ac:chgData name="Nitsche, Rainer" userId="b0459796-2dba-4711-99d0-2635315bc4ac" providerId="ADAL" clId="{104A0FAD-1A32-46DF-B188-625334230143}" dt="2023-11-07T06:48:13.614" v="3683" actId="1038"/>
          <ac:cxnSpMkLst>
            <pc:docMk/>
            <pc:sldMk cId="896859053" sldId="2147375240"/>
            <ac:cxnSpMk id="46" creationId="{173F4EA8-DFC9-45D7-B9F8-FCCF4D52F407}"/>
          </ac:cxnSpMkLst>
        </pc:cxnChg>
        <pc:cxnChg chg="add mod">
          <ac:chgData name="Nitsche, Rainer" userId="b0459796-2dba-4711-99d0-2635315bc4ac" providerId="ADAL" clId="{104A0FAD-1A32-46DF-B188-625334230143}" dt="2023-11-07T06:48:13.614" v="3683" actId="1038"/>
          <ac:cxnSpMkLst>
            <pc:docMk/>
            <pc:sldMk cId="896859053" sldId="2147375240"/>
            <ac:cxnSpMk id="73" creationId="{403F9D68-7639-CD9E-16F2-B4C97B489412}"/>
          </ac:cxnSpMkLst>
        </pc:cxnChg>
      </pc:sldChg>
      <pc:sldChg chg="del">
        <pc:chgData name="Nitsche, Rainer" userId="b0459796-2dba-4711-99d0-2635315bc4ac" providerId="ADAL" clId="{104A0FAD-1A32-46DF-B188-625334230143}" dt="2023-10-24T14:03:11.712" v="1169" actId="47"/>
        <pc:sldMkLst>
          <pc:docMk/>
          <pc:sldMk cId="4127408036" sldId="2147375241"/>
        </pc:sldMkLst>
      </pc:sldChg>
      <pc:sldChg chg="addSp delSp modSp add mod">
        <pc:chgData name="Nitsche, Rainer" userId="b0459796-2dba-4711-99d0-2635315bc4ac" providerId="ADAL" clId="{104A0FAD-1A32-46DF-B188-625334230143}" dt="2023-10-26T06:08:34.685" v="1493" actId="20577"/>
        <pc:sldMkLst>
          <pc:docMk/>
          <pc:sldMk cId="2192092575" sldId="2147375242"/>
        </pc:sldMkLst>
        <pc:spChg chg="del">
          <ac:chgData name="Nitsche, Rainer" userId="b0459796-2dba-4711-99d0-2635315bc4ac" providerId="ADAL" clId="{104A0FAD-1A32-46DF-B188-625334230143}" dt="2023-10-24T14:01:00.785" v="1158" actId="478"/>
          <ac:spMkLst>
            <pc:docMk/>
            <pc:sldMk cId="2192092575" sldId="2147375242"/>
            <ac:spMk id="3" creationId="{DE6F6B1C-BB8E-8CE1-DC5D-9B107569CEAB}"/>
          </ac:spMkLst>
        </pc:spChg>
        <pc:spChg chg="mod">
          <ac:chgData name="Nitsche, Rainer" userId="b0459796-2dba-4711-99d0-2635315bc4ac" providerId="ADAL" clId="{104A0FAD-1A32-46DF-B188-625334230143}" dt="2023-10-26T06:08:34.685" v="1493" actId="20577"/>
          <ac:spMkLst>
            <pc:docMk/>
            <pc:sldMk cId="2192092575" sldId="2147375242"/>
            <ac:spMk id="4" creationId="{D0BA69E1-4BCD-2F7C-E994-BC96FB4B7A88}"/>
          </ac:spMkLst>
        </pc:spChg>
        <pc:spChg chg="add mod">
          <ac:chgData name="Nitsche, Rainer" userId="b0459796-2dba-4711-99d0-2635315bc4ac" providerId="ADAL" clId="{104A0FAD-1A32-46DF-B188-625334230143}" dt="2023-10-24T14:11:13.303" v="1189" actId="20577"/>
          <ac:spMkLst>
            <pc:docMk/>
            <pc:sldMk cId="2192092575" sldId="2147375242"/>
            <ac:spMk id="7" creationId="{B826B11E-2F72-9265-73D8-8C545B9BCD6B}"/>
          </ac:spMkLst>
        </pc:spChg>
        <pc:spChg chg="del">
          <ac:chgData name="Nitsche, Rainer" userId="b0459796-2dba-4711-99d0-2635315bc4ac" providerId="ADAL" clId="{104A0FAD-1A32-46DF-B188-625334230143}" dt="2023-10-24T14:01:05.475" v="1160" actId="478"/>
          <ac:spMkLst>
            <pc:docMk/>
            <pc:sldMk cId="2192092575" sldId="2147375242"/>
            <ac:spMk id="20" creationId="{D53AC388-07E1-DA08-4511-37D09182B488}"/>
          </ac:spMkLst>
        </pc:spChg>
        <pc:spChg chg="del mod">
          <ac:chgData name="Nitsche, Rainer" userId="b0459796-2dba-4711-99d0-2635315bc4ac" providerId="ADAL" clId="{104A0FAD-1A32-46DF-B188-625334230143}" dt="2023-10-24T14:01:03.899" v="1159" actId="478"/>
          <ac:spMkLst>
            <pc:docMk/>
            <pc:sldMk cId="2192092575" sldId="2147375242"/>
            <ac:spMk id="41" creationId="{05F2B298-3CE3-90B0-0D37-2AD05EE91269}"/>
          </ac:spMkLst>
        </pc:spChg>
        <pc:spChg chg="del">
          <ac:chgData name="Nitsche, Rainer" userId="b0459796-2dba-4711-99d0-2635315bc4ac" providerId="ADAL" clId="{104A0FAD-1A32-46DF-B188-625334230143}" dt="2023-10-24T14:01:08.584" v="1161" actId="478"/>
          <ac:spMkLst>
            <pc:docMk/>
            <pc:sldMk cId="2192092575" sldId="2147375242"/>
            <ac:spMk id="47" creationId="{D0EA3AE8-E413-3E83-0D0E-C42F39611B79}"/>
          </ac:spMkLst>
        </pc:spChg>
        <pc:spChg chg="del">
          <ac:chgData name="Nitsche, Rainer" userId="b0459796-2dba-4711-99d0-2635315bc4ac" providerId="ADAL" clId="{104A0FAD-1A32-46DF-B188-625334230143}" dt="2023-10-24T14:01:08.584" v="1161" actId="478"/>
          <ac:spMkLst>
            <pc:docMk/>
            <pc:sldMk cId="2192092575" sldId="2147375242"/>
            <ac:spMk id="77" creationId="{7D5E808D-FCE4-75F7-C2D2-4A185EE79EF7}"/>
          </ac:spMkLst>
        </pc:spChg>
        <pc:spChg chg="del">
          <ac:chgData name="Nitsche, Rainer" userId="b0459796-2dba-4711-99d0-2635315bc4ac" providerId="ADAL" clId="{104A0FAD-1A32-46DF-B188-625334230143}" dt="2023-10-24T14:01:08.584" v="1161" actId="478"/>
          <ac:spMkLst>
            <pc:docMk/>
            <pc:sldMk cId="2192092575" sldId="2147375242"/>
            <ac:spMk id="78" creationId="{416270E1-2DED-47FE-8AE0-AD65E6DD8027}"/>
          </ac:spMkLst>
        </pc:spChg>
        <pc:grpChg chg="del">
          <ac:chgData name="Nitsche, Rainer" userId="b0459796-2dba-4711-99d0-2635315bc4ac" providerId="ADAL" clId="{104A0FAD-1A32-46DF-B188-625334230143}" dt="2023-10-24T14:01:08.584" v="1161" actId="478"/>
          <ac:grpSpMkLst>
            <pc:docMk/>
            <pc:sldMk cId="2192092575" sldId="2147375242"/>
            <ac:grpSpMk id="43" creationId="{5881A125-1091-DBD5-75BF-AFAAF7A3D2AF}"/>
          </ac:grpSpMkLst>
        </pc:grpChg>
        <pc:grpChg chg="del">
          <ac:chgData name="Nitsche, Rainer" userId="b0459796-2dba-4711-99d0-2635315bc4ac" providerId="ADAL" clId="{104A0FAD-1A32-46DF-B188-625334230143}" dt="2023-10-24T14:01:08.584" v="1161" actId="478"/>
          <ac:grpSpMkLst>
            <pc:docMk/>
            <pc:sldMk cId="2192092575" sldId="2147375242"/>
            <ac:grpSpMk id="44" creationId="{3A950491-AE9A-6244-8E33-FAD57B602C28}"/>
          </ac:grpSpMkLst>
        </pc:grpChg>
        <pc:picChg chg="del">
          <ac:chgData name="Nitsche, Rainer" userId="b0459796-2dba-4711-99d0-2635315bc4ac" providerId="ADAL" clId="{104A0FAD-1A32-46DF-B188-625334230143}" dt="2023-10-24T14:01:09.453" v="1162" actId="478"/>
          <ac:picMkLst>
            <pc:docMk/>
            <pc:sldMk cId="2192092575" sldId="2147375242"/>
            <ac:picMk id="6" creationId="{8EF81F50-F525-1CD9-4B6D-A1EFA8F5FB80}"/>
          </ac:picMkLst>
        </pc:picChg>
        <pc:picChg chg="add mod modCrop">
          <ac:chgData name="Nitsche, Rainer" userId="b0459796-2dba-4711-99d0-2635315bc4ac" providerId="ADAL" clId="{104A0FAD-1A32-46DF-B188-625334230143}" dt="2023-10-24T14:11:05.223" v="1176" actId="732"/>
          <ac:picMkLst>
            <pc:docMk/>
            <pc:sldMk cId="2192092575" sldId="2147375242"/>
            <ac:picMk id="19" creationId="{4A3D2F42-0F51-137C-16C3-1A337C80359D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52" creationId="{3D9FE8CF-B90F-2A45-D0B8-91EE03C6C16F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56" creationId="{90BE8128-DA07-D533-A5DB-B13192EF2260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58" creationId="{9E3CBC33-8E1C-9BCD-1167-F78E5E8DE7FD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65" creationId="{AAFA4C60-3FE4-BC1E-1487-F61CD94A52A1}"/>
          </ac:picMkLst>
        </pc:picChg>
        <pc:picChg chg="del">
          <ac:chgData name="Nitsche, Rainer" userId="b0459796-2dba-4711-99d0-2635315bc4ac" providerId="ADAL" clId="{104A0FAD-1A32-46DF-B188-625334230143}" dt="2023-10-24T14:01:08.584" v="1161" actId="478"/>
          <ac:picMkLst>
            <pc:docMk/>
            <pc:sldMk cId="2192092575" sldId="2147375242"/>
            <ac:picMk id="69" creationId="{04ABB2E8-673C-A8CB-C0F2-76532580EC78}"/>
          </ac:picMkLst>
        </pc:picChg>
        <pc:picChg chg="del">
          <ac:chgData name="Nitsche, Rainer" userId="b0459796-2dba-4711-99d0-2635315bc4ac" providerId="ADAL" clId="{104A0FAD-1A32-46DF-B188-625334230143}" dt="2023-10-24T14:01:11.894" v="1163" actId="478"/>
          <ac:picMkLst>
            <pc:docMk/>
            <pc:sldMk cId="2192092575" sldId="2147375242"/>
            <ac:picMk id="71" creationId="{7A8DB232-4633-BC46-C88D-648E04D8338A}"/>
          </ac:picMkLst>
        </pc:picChg>
        <pc:cxnChg chg="del">
          <ac:chgData name="Nitsche, Rainer" userId="b0459796-2dba-4711-99d0-2635315bc4ac" providerId="ADAL" clId="{104A0FAD-1A32-46DF-B188-625334230143}" dt="2023-10-24T14:01:08.584" v="1161" actId="478"/>
          <ac:cxnSpMkLst>
            <pc:docMk/>
            <pc:sldMk cId="2192092575" sldId="2147375242"/>
            <ac:cxnSpMk id="46" creationId="{173F4EA8-DFC9-45D7-B9F8-FCCF4D52F407}"/>
          </ac:cxnSpMkLst>
        </pc:cxnChg>
        <pc:cxnChg chg="del">
          <ac:chgData name="Nitsche, Rainer" userId="b0459796-2dba-4711-99d0-2635315bc4ac" providerId="ADAL" clId="{104A0FAD-1A32-46DF-B188-625334230143}" dt="2023-10-24T14:01:08.584" v="1161" actId="478"/>
          <ac:cxnSpMkLst>
            <pc:docMk/>
            <pc:sldMk cId="2192092575" sldId="2147375242"/>
            <ac:cxnSpMk id="73" creationId="{403F9D68-7639-CD9E-16F2-B4C97B489412}"/>
          </ac:cxnSpMkLst>
        </pc:cxnChg>
      </pc:sldChg>
      <pc:sldChg chg="addSp delSp modSp new mod modNotesTx">
        <pc:chgData name="Nitsche, Rainer" userId="b0459796-2dba-4711-99d0-2635315bc4ac" providerId="ADAL" clId="{104A0FAD-1A32-46DF-B188-625334230143}" dt="2023-10-25T12:10:46.453" v="1415" actId="20577"/>
        <pc:sldMkLst>
          <pc:docMk/>
          <pc:sldMk cId="2097587084" sldId="2147375243"/>
        </pc:sldMkLst>
        <pc:spChg chg="mod">
          <ac:chgData name="Nitsche, Rainer" userId="b0459796-2dba-4711-99d0-2635315bc4ac" providerId="ADAL" clId="{104A0FAD-1A32-46DF-B188-625334230143}" dt="2023-10-25T12:02:50.491" v="1405" actId="207"/>
          <ac:spMkLst>
            <pc:docMk/>
            <pc:sldMk cId="2097587084" sldId="2147375243"/>
            <ac:spMk id="3" creationId="{9826E863-F1A7-B275-4975-8BD5DE7A556B}"/>
          </ac:spMkLst>
        </pc:spChg>
        <pc:spChg chg="mod">
          <ac:chgData name="Nitsche, Rainer" userId="b0459796-2dba-4711-99d0-2635315bc4ac" providerId="ADAL" clId="{104A0FAD-1A32-46DF-B188-625334230143}" dt="2023-10-25T12:10:46.453" v="1415" actId="20577"/>
          <ac:spMkLst>
            <pc:docMk/>
            <pc:sldMk cId="2097587084" sldId="2147375243"/>
            <ac:spMk id="4" creationId="{D5B65F14-997E-FE27-1F78-B9EC532AE079}"/>
          </ac:spMkLst>
        </pc:spChg>
        <pc:spChg chg="del">
          <ac:chgData name="Nitsche, Rainer" userId="b0459796-2dba-4711-99d0-2635315bc4ac" providerId="ADAL" clId="{104A0FAD-1A32-46DF-B188-625334230143}" dt="2023-10-25T12:03:09.485" v="1406" actId="478"/>
          <ac:spMkLst>
            <pc:docMk/>
            <pc:sldMk cId="2097587084" sldId="2147375243"/>
            <ac:spMk id="5" creationId="{196D14E3-AD90-49C9-5C7F-09B6B11B4289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8" creationId="{0128CDAF-4D57-22BE-221A-74721FDCCC56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9" creationId="{931CCE85-927E-04C6-E3A1-2028FCD57C9C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0" creationId="{71435175-55D7-04B3-F08C-1C2D399CA34E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1" creationId="{476093B3-63C6-168E-F54F-F601B4662FF4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2" creationId="{0CBBBC20-CFED-BA75-CD62-CFE8BBB199CB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3" creationId="{FDB8FA4B-93C8-54E8-38B8-AC6EDECAEB4D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4" creationId="{B956F4BA-8D34-8431-4E58-1003678916EB}"/>
          </ac:spMkLst>
        </pc:spChg>
        <pc:spChg chg="mod">
          <ac:chgData name="Nitsche, Rainer" userId="b0459796-2dba-4711-99d0-2635315bc4ac" providerId="ADAL" clId="{104A0FAD-1A32-46DF-B188-625334230143}" dt="2023-10-25T06:59:26.649" v="1283"/>
          <ac:spMkLst>
            <pc:docMk/>
            <pc:sldMk cId="2097587084" sldId="2147375243"/>
            <ac:spMk id="15" creationId="{F8A791CD-E0B0-5FEF-6CFD-F31FDA144A3E}"/>
          </ac:spMkLst>
        </pc:spChg>
        <pc:grpChg chg="add mod">
          <ac:chgData name="Nitsche, Rainer" userId="b0459796-2dba-4711-99d0-2635315bc4ac" providerId="ADAL" clId="{104A0FAD-1A32-46DF-B188-625334230143}" dt="2023-10-25T06:59:26.649" v="1283"/>
          <ac:grpSpMkLst>
            <pc:docMk/>
            <pc:sldMk cId="2097587084" sldId="2147375243"/>
            <ac:grpSpMk id="6" creationId="{B6C96EDE-81F9-213D-713A-3C5EA6F81F82}"/>
          </ac:grpSpMkLst>
        </pc:grpChg>
        <pc:grpChg chg="mod">
          <ac:chgData name="Nitsche, Rainer" userId="b0459796-2dba-4711-99d0-2635315bc4ac" providerId="ADAL" clId="{104A0FAD-1A32-46DF-B188-625334230143}" dt="2023-10-25T06:59:26.649" v="1283"/>
          <ac:grpSpMkLst>
            <pc:docMk/>
            <pc:sldMk cId="2097587084" sldId="2147375243"/>
            <ac:grpSpMk id="7" creationId="{BEF1B1D7-C64F-6674-6D82-0BF776A29CEB}"/>
          </ac:grpSpMkLst>
        </pc:grpChg>
        <pc:picChg chg="add mod">
          <ac:chgData name="Nitsche, Rainer" userId="b0459796-2dba-4711-99d0-2635315bc4ac" providerId="ADAL" clId="{104A0FAD-1A32-46DF-B188-625334230143}" dt="2023-10-25T12:07:56.479" v="1410" actId="14100"/>
          <ac:picMkLst>
            <pc:docMk/>
            <pc:sldMk cId="2097587084" sldId="2147375243"/>
            <ac:picMk id="17" creationId="{EBBCCFEA-9A7E-1017-26BA-C0A72E8D7E02}"/>
          </ac:picMkLst>
        </pc:picChg>
      </pc:sldChg>
      <pc:sldChg chg="addSp delSp modSp new mod">
        <pc:chgData name="Nitsche, Rainer" userId="b0459796-2dba-4711-99d0-2635315bc4ac" providerId="ADAL" clId="{104A0FAD-1A32-46DF-B188-625334230143}" dt="2023-10-25T07:17:59.358" v="1380" actId="20577"/>
        <pc:sldMkLst>
          <pc:docMk/>
          <pc:sldMk cId="1323432009" sldId="2147375244"/>
        </pc:sldMkLst>
        <pc:spChg chg="mod">
          <ac:chgData name="Nitsche, Rainer" userId="b0459796-2dba-4711-99d0-2635315bc4ac" providerId="ADAL" clId="{104A0FAD-1A32-46DF-B188-625334230143}" dt="2023-10-25T07:00:17.459" v="1314" actId="20577"/>
          <ac:spMkLst>
            <pc:docMk/>
            <pc:sldMk cId="1323432009" sldId="2147375244"/>
            <ac:spMk id="3" creationId="{841E3E13-7129-EB33-CBE0-A955213FA995}"/>
          </ac:spMkLst>
        </pc:spChg>
        <pc:spChg chg="mod">
          <ac:chgData name="Nitsche, Rainer" userId="b0459796-2dba-4711-99d0-2635315bc4ac" providerId="ADAL" clId="{104A0FAD-1A32-46DF-B188-625334230143}" dt="2023-10-25T06:59:55.484" v="1287"/>
          <ac:spMkLst>
            <pc:docMk/>
            <pc:sldMk cId="1323432009" sldId="2147375244"/>
            <ac:spMk id="4" creationId="{CF9F513B-3659-51D1-509B-2987639C740A}"/>
          </ac:spMkLst>
        </pc:spChg>
        <pc:spChg chg="mod">
          <ac:chgData name="Nitsche, Rainer" userId="b0459796-2dba-4711-99d0-2635315bc4ac" providerId="ADAL" clId="{104A0FAD-1A32-46DF-B188-625334230143}" dt="2023-10-25T07:17:59.358" v="1380" actId="20577"/>
          <ac:spMkLst>
            <pc:docMk/>
            <pc:sldMk cId="1323432009" sldId="2147375244"/>
            <ac:spMk id="5" creationId="{60CC32F6-F1F3-9916-B062-5CE182797260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8" creationId="{C9871D2B-4B79-E46E-3E94-750A91DC9FBD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9" creationId="{E09E7909-8F85-8D7E-3C99-E33D52ACF8C4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0" creationId="{E27C3A70-0A83-BD2B-F272-5D59211F2095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1" creationId="{09962405-1467-8DED-0DAE-3576CB98A467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2" creationId="{920E07FC-450F-7F85-F91B-CC65FE53E1B3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3" creationId="{D22DA62E-90A8-EBEF-F801-53D2880A5416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4" creationId="{805123F4-5CDD-5E8B-55C9-57B1DED809AC}"/>
          </ac:spMkLst>
        </pc:spChg>
        <pc:spChg chg="mod">
          <ac:chgData name="Nitsche, Rainer" userId="b0459796-2dba-4711-99d0-2635315bc4ac" providerId="ADAL" clId="{104A0FAD-1A32-46DF-B188-625334230143}" dt="2023-10-25T06:59:29.348" v="1284"/>
          <ac:spMkLst>
            <pc:docMk/>
            <pc:sldMk cId="1323432009" sldId="2147375244"/>
            <ac:spMk id="15" creationId="{A7583CF6-30EF-28AF-0F90-4E73D1C19C95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18" creationId="{4B678ACC-EF47-9B5B-8DBE-187ED99F3719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19" creationId="{DE4F28CC-3A2A-C5EF-D92D-23D8AED6A2A6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0" creationId="{EED984BC-533C-773E-2D75-798121D7B798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1" creationId="{4533556E-80CB-0C87-06E9-F9D8E4EB98C1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2" creationId="{9A5F061D-A32E-E951-812B-F4DF1BFE60FC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3" creationId="{976A2B43-BDFD-435E-A822-DC5E7634D7E4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4" creationId="{545CECF6-FB18-11FF-F06B-9C13CA658E14}"/>
          </ac:spMkLst>
        </pc:spChg>
        <pc:spChg chg="mod">
          <ac:chgData name="Nitsche, Rainer" userId="b0459796-2dba-4711-99d0-2635315bc4ac" providerId="ADAL" clId="{104A0FAD-1A32-46DF-B188-625334230143}" dt="2023-10-25T06:59:43.419" v="1285"/>
          <ac:spMkLst>
            <pc:docMk/>
            <pc:sldMk cId="1323432009" sldId="2147375244"/>
            <ac:spMk id="25" creationId="{14320203-13AB-EA51-9326-9E842AAC8679}"/>
          </ac:spMkLst>
        </pc:spChg>
        <pc:grpChg chg="add mod">
          <ac:chgData name="Nitsche, Rainer" userId="b0459796-2dba-4711-99d0-2635315bc4ac" providerId="ADAL" clId="{104A0FAD-1A32-46DF-B188-625334230143}" dt="2023-10-25T06:59:29.348" v="1284"/>
          <ac:grpSpMkLst>
            <pc:docMk/>
            <pc:sldMk cId="1323432009" sldId="2147375244"/>
            <ac:grpSpMk id="6" creationId="{A9EC6FA5-4053-EACA-1A05-45936CAD0D4D}"/>
          </ac:grpSpMkLst>
        </pc:grpChg>
        <pc:grpChg chg="mod">
          <ac:chgData name="Nitsche, Rainer" userId="b0459796-2dba-4711-99d0-2635315bc4ac" providerId="ADAL" clId="{104A0FAD-1A32-46DF-B188-625334230143}" dt="2023-10-25T06:59:29.348" v="1284"/>
          <ac:grpSpMkLst>
            <pc:docMk/>
            <pc:sldMk cId="1323432009" sldId="2147375244"/>
            <ac:grpSpMk id="7" creationId="{DAAEFC14-C709-EACC-4885-737E0D0F00B0}"/>
          </ac:grpSpMkLst>
        </pc:grpChg>
        <pc:grpChg chg="add del mod">
          <ac:chgData name="Nitsche, Rainer" userId="b0459796-2dba-4711-99d0-2635315bc4ac" providerId="ADAL" clId="{104A0FAD-1A32-46DF-B188-625334230143}" dt="2023-10-25T06:59:47.627" v="1286"/>
          <ac:grpSpMkLst>
            <pc:docMk/>
            <pc:sldMk cId="1323432009" sldId="2147375244"/>
            <ac:grpSpMk id="16" creationId="{6D53CAD0-2E49-BDBB-4C8A-F0689C2D7838}"/>
          </ac:grpSpMkLst>
        </pc:grpChg>
        <pc:grpChg chg="mod">
          <ac:chgData name="Nitsche, Rainer" userId="b0459796-2dba-4711-99d0-2635315bc4ac" providerId="ADAL" clId="{104A0FAD-1A32-46DF-B188-625334230143}" dt="2023-10-25T06:59:43.419" v="1285"/>
          <ac:grpSpMkLst>
            <pc:docMk/>
            <pc:sldMk cId="1323432009" sldId="2147375244"/>
            <ac:grpSpMk id="17" creationId="{9D10AA38-C363-6EAF-54A0-06D9F4422BA5}"/>
          </ac:grpSpMkLst>
        </pc:grpChg>
      </pc:sldChg>
      <pc:sldChg chg="addSp delSp modSp add mod ord modNotesTx">
        <pc:chgData name="Nitsche, Rainer" userId="b0459796-2dba-4711-99d0-2635315bc4ac" providerId="ADAL" clId="{104A0FAD-1A32-46DF-B188-625334230143}" dt="2023-11-07T09:23:06.446" v="4995" actId="478"/>
        <pc:sldMkLst>
          <pc:docMk/>
          <pc:sldMk cId="417024031" sldId="2147375245"/>
        </pc:sldMkLst>
        <pc:spChg chg="mod">
          <ac:chgData name="Nitsche, Rainer" userId="b0459796-2dba-4711-99d0-2635315bc4ac" providerId="ADAL" clId="{104A0FAD-1A32-46DF-B188-625334230143}" dt="2023-11-06T12:33:05.478" v="1553" actId="20577"/>
          <ac:spMkLst>
            <pc:docMk/>
            <pc:sldMk cId="417024031" sldId="2147375245"/>
            <ac:spMk id="3" creationId="{9826E863-F1A7-B275-4975-8BD5DE7A556B}"/>
          </ac:spMkLst>
        </pc:spChg>
        <pc:spChg chg="del">
          <ac:chgData name="Nitsche, Rainer" userId="b0459796-2dba-4711-99d0-2635315bc4ac" providerId="ADAL" clId="{104A0FAD-1A32-46DF-B188-625334230143}" dt="2023-11-06T12:37:28.623" v="1554" actId="478"/>
          <ac:spMkLst>
            <pc:docMk/>
            <pc:sldMk cId="417024031" sldId="2147375245"/>
            <ac:spMk id="5" creationId="{196D14E3-AD90-49C9-5C7F-09B6B11B4289}"/>
          </ac:spMkLst>
        </pc:spChg>
        <pc:spChg chg="mod">
          <ac:chgData name="Nitsche, Rainer" userId="b0459796-2dba-4711-99d0-2635315bc4ac" providerId="ADAL" clId="{104A0FAD-1A32-46DF-B188-625334230143}" dt="2023-11-07T09:22:51.226" v="4993"/>
          <ac:spMkLst>
            <pc:docMk/>
            <pc:sldMk cId="417024031" sldId="2147375245"/>
            <ac:spMk id="16" creationId="{AA9FD5CA-F69C-2E8B-3A74-A6E4BADD7B7C}"/>
          </ac:spMkLst>
        </pc:spChg>
        <pc:spChg chg="mod">
          <ac:chgData name="Nitsche, Rainer" userId="b0459796-2dba-4711-99d0-2635315bc4ac" providerId="ADAL" clId="{104A0FAD-1A32-46DF-B188-625334230143}" dt="2023-11-07T09:22:51.226" v="4993"/>
          <ac:spMkLst>
            <pc:docMk/>
            <pc:sldMk cId="417024031" sldId="2147375245"/>
            <ac:spMk id="17" creationId="{96D1D515-5AD3-39F9-3D18-9BC44871C198}"/>
          </ac:spMkLst>
        </pc:spChg>
        <pc:grpChg chg="add del mod">
          <ac:chgData name="Nitsche, Rainer" userId="b0459796-2dba-4711-99d0-2635315bc4ac" providerId="ADAL" clId="{104A0FAD-1A32-46DF-B188-625334230143}" dt="2023-11-07T09:23:06.446" v="4995" actId="478"/>
          <ac:grpSpMkLst>
            <pc:docMk/>
            <pc:sldMk cId="417024031" sldId="2147375245"/>
            <ac:grpSpMk id="5" creationId="{ED12D2A5-58FA-2203-787D-42C0ADA2F290}"/>
          </ac:grpSpMkLst>
        </pc:grpChg>
        <pc:picChg chg="add del mod">
          <ac:chgData name="Nitsche, Rainer" userId="b0459796-2dba-4711-99d0-2635315bc4ac" providerId="ADAL" clId="{104A0FAD-1A32-46DF-B188-625334230143}" dt="2023-11-06T12:38:10.915" v="1560" actId="478"/>
          <ac:picMkLst>
            <pc:docMk/>
            <pc:sldMk cId="417024031" sldId="2147375245"/>
            <ac:picMk id="17" creationId="{6EF74F03-3206-4E37-4CB4-414E43894F68}"/>
          </ac:picMkLst>
        </pc:picChg>
        <pc:picChg chg="add mod modCrop">
          <ac:chgData name="Nitsche, Rainer" userId="b0459796-2dba-4711-99d0-2635315bc4ac" providerId="ADAL" clId="{104A0FAD-1A32-46DF-B188-625334230143}" dt="2023-11-06T12:39:14.655" v="1590" actId="1036"/>
          <ac:picMkLst>
            <pc:docMk/>
            <pc:sldMk cId="417024031" sldId="2147375245"/>
            <ac:picMk id="19" creationId="{7CCC287A-1D72-500A-EA26-96874C2D6020}"/>
          </ac:picMkLst>
        </pc:picChg>
        <pc:picChg chg="add mod modCrop">
          <ac:chgData name="Nitsche, Rainer" userId="b0459796-2dba-4711-99d0-2635315bc4ac" providerId="ADAL" clId="{104A0FAD-1A32-46DF-B188-625334230143}" dt="2023-11-06T12:42:13.567" v="1599" actId="732"/>
          <ac:picMkLst>
            <pc:docMk/>
            <pc:sldMk cId="417024031" sldId="2147375245"/>
            <ac:picMk id="21" creationId="{617AACF7-D451-887C-EC31-E44548AE88CC}"/>
          </ac:picMkLst>
        </pc:picChg>
      </pc:sldChg>
      <pc:sldChg chg="addSp delSp modSp add mod modNotesTx">
        <pc:chgData name="Nitsche, Rainer" userId="b0459796-2dba-4711-99d0-2635315bc4ac" providerId="ADAL" clId="{104A0FAD-1A32-46DF-B188-625334230143}" dt="2023-10-25T12:18:08.100" v="1476"/>
        <pc:sldMkLst>
          <pc:docMk/>
          <pc:sldMk cId="1060267553" sldId="2147375246"/>
        </pc:sldMkLst>
        <pc:spChg chg="mod">
          <ac:chgData name="Nitsche, Rainer" userId="b0459796-2dba-4711-99d0-2635315bc4ac" providerId="ADAL" clId="{104A0FAD-1A32-46DF-B188-625334230143}" dt="2023-10-25T12:11:11.627" v="1419" actId="20577"/>
          <ac:spMkLst>
            <pc:docMk/>
            <pc:sldMk cId="1060267553" sldId="2147375246"/>
            <ac:spMk id="3" creationId="{9826E863-F1A7-B275-4975-8BD5DE7A556B}"/>
          </ac:spMkLst>
        </pc:spChg>
        <pc:picChg chg="add mod">
          <ac:chgData name="Nitsche, Rainer" userId="b0459796-2dba-4711-99d0-2635315bc4ac" providerId="ADAL" clId="{104A0FAD-1A32-46DF-B188-625334230143}" dt="2023-10-25T12:17:42.070" v="1475" actId="14100"/>
          <ac:picMkLst>
            <pc:docMk/>
            <pc:sldMk cId="1060267553" sldId="2147375246"/>
            <ac:picMk id="16" creationId="{3638765E-411B-207F-5E47-FCC089951911}"/>
          </ac:picMkLst>
        </pc:picChg>
        <pc:picChg chg="del">
          <ac:chgData name="Nitsche, Rainer" userId="b0459796-2dba-4711-99d0-2635315bc4ac" providerId="ADAL" clId="{104A0FAD-1A32-46DF-B188-625334230143}" dt="2023-10-25T12:11:23.761" v="1420" actId="478"/>
          <ac:picMkLst>
            <pc:docMk/>
            <pc:sldMk cId="1060267553" sldId="2147375246"/>
            <ac:picMk id="17" creationId="{EBBCCFEA-9A7E-1017-26BA-C0A72E8D7E02}"/>
          </ac:picMkLst>
        </pc:picChg>
      </pc:sldChg>
      <pc:sldChg chg="addSp modSp add mod modNotesTx">
        <pc:chgData name="Nitsche, Rainer" userId="b0459796-2dba-4711-99d0-2635315bc4ac" providerId="ADAL" clId="{104A0FAD-1A32-46DF-B188-625334230143}" dt="2023-10-25T12:18:26.549" v="1477"/>
        <pc:sldMkLst>
          <pc:docMk/>
          <pc:sldMk cId="2730819074" sldId="2147375247"/>
        </pc:sldMkLst>
        <pc:spChg chg="mod">
          <ac:chgData name="Nitsche, Rainer" userId="b0459796-2dba-4711-99d0-2635315bc4ac" providerId="ADAL" clId="{104A0FAD-1A32-46DF-B188-625334230143}" dt="2023-10-25T12:11:45.619" v="1433" actId="20577"/>
          <ac:spMkLst>
            <pc:docMk/>
            <pc:sldMk cId="2730819074" sldId="2147375247"/>
            <ac:spMk id="3" creationId="{9826E863-F1A7-B275-4975-8BD5DE7A556B}"/>
          </ac:spMkLst>
        </pc:spChg>
        <pc:picChg chg="add mod">
          <ac:chgData name="Nitsche, Rainer" userId="b0459796-2dba-4711-99d0-2635315bc4ac" providerId="ADAL" clId="{104A0FAD-1A32-46DF-B188-625334230143}" dt="2023-10-25T12:17:23.065" v="1474" actId="1076"/>
          <ac:picMkLst>
            <pc:docMk/>
            <pc:sldMk cId="2730819074" sldId="2147375247"/>
            <ac:picMk id="16" creationId="{C8C4D5B5-6EE7-9575-28D1-1ACF9A238E80}"/>
          </ac:picMkLst>
        </pc:picChg>
      </pc:sldChg>
      <pc:sldChg chg="addSp delSp modSp add mod ord">
        <pc:chgData name="Nitsche, Rainer" userId="b0459796-2dba-4711-99d0-2635315bc4ac" providerId="ADAL" clId="{104A0FAD-1A32-46DF-B188-625334230143}" dt="2023-11-07T07:16:52.512" v="4380" actId="20577"/>
        <pc:sldMkLst>
          <pc:docMk/>
          <pc:sldMk cId="2611124692" sldId="2147375248"/>
        </pc:sldMkLst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3" creationId="{C8037090-3C32-AF75-BC39-00DB925D4FFA}"/>
          </ac:spMkLst>
        </pc:spChg>
        <pc:spChg chg="add mod or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5" creationId="{CE2C300E-CAA7-1DD0-D26D-34FC46A04125}"/>
          </ac:spMkLst>
        </pc:spChg>
        <pc:spChg chg="add mod">
          <ac:chgData name="Nitsche, Rainer" userId="b0459796-2dba-4711-99d0-2635315bc4ac" providerId="ADAL" clId="{104A0FAD-1A32-46DF-B188-625334230143}" dt="2023-11-07T07:16:52.512" v="4380" actId="20577"/>
          <ac:spMkLst>
            <pc:docMk/>
            <pc:sldMk cId="2611124692" sldId="2147375248"/>
            <ac:spMk id="6" creationId="{7C458142-11FF-C410-15B7-FD28A5C28DD2}"/>
          </ac:spMkLst>
        </pc:spChg>
        <pc:spChg chg="mod">
          <ac:chgData name="Nitsche, Rainer" userId="b0459796-2dba-4711-99d0-2635315bc4ac" providerId="ADAL" clId="{104A0FAD-1A32-46DF-B188-625334230143}" dt="2023-11-06T12:53:05.167" v="1691" actId="14100"/>
          <ac:spMkLst>
            <pc:docMk/>
            <pc:sldMk cId="2611124692" sldId="2147375248"/>
            <ac:spMk id="7" creationId="{B826B11E-2F72-9265-73D8-8C545B9BCD6B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22" creationId="{09931E9D-739D-A27D-3757-2B7DDD5B26CF}"/>
          </ac:spMkLst>
        </pc:spChg>
        <pc:spChg chg="add mod">
          <ac:chgData name="Nitsche, Rainer" userId="b0459796-2dba-4711-99d0-2635315bc4ac" providerId="ADAL" clId="{104A0FAD-1A32-46DF-B188-625334230143}" dt="2023-11-07T07:03:10.597" v="4081" actId="692"/>
          <ac:spMkLst>
            <pc:docMk/>
            <pc:sldMk cId="2611124692" sldId="2147375248"/>
            <ac:spMk id="23" creationId="{967B0C79-14C4-3434-74D4-F939A03812CE}"/>
          </ac:spMkLst>
        </pc:spChg>
        <pc:spChg chg="add mod">
          <ac:chgData name="Nitsche, Rainer" userId="b0459796-2dba-4711-99d0-2635315bc4ac" providerId="ADAL" clId="{104A0FAD-1A32-46DF-B188-625334230143}" dt="2023-11-07T07:02:33.558" v="4080" actId="207"/>
          <ac:spMkLst>
            <pc:docMk/>
            <pc:sldMk cId="2611124692" sldId="2147375248"/>
            <ac:spMk id="24" creationId="{5DFC2FB0-4F5D-1EF6-ABC4-635F623535B4}"/>
          </ac:spMkLst>
        </pc:spChg>
        <pc:spChg chg="add mod">
          <ac:chgData name="Nitsche, Rainer" userId="b0459796-2dba-4711-99d0-2635315bc4ac" providerId="ADAL" clId="{104A0FAD-1A32-46DF-B188-625334230143}" dt="2023-11-06T13:06:11.970" v="1995" actId="164"/>
          <ac:spMkLst>
            <pc:docMk/>
            <pc:sldMk cId="2611124692" sldId="2147375248"/>
            <ac:spMk id="45" creationId="{AD6F7FB5-73BF-0FB0-3D15-F7C60B2C64C1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47" creationId="{6FF2FC5A-F7DF-4AF6-F709-BA84F9D83591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62" creationId="{A531BF03-D10A-2537-DDE3-EA306EF6BAFB}"/>
          </ac:spMkLst>
        </pc:spChg>
        <pc:spChg chg="add mod">
          <ac:chgData name="Nitsche, Rainer" userId="b0459796-2dba-4711-99d0-2635315bc4ac" providerId="ADAL" clId="{104A0FAD-1A32-46DF-B188-625334230143}" dt="2023-11-06T14:32:41.235" v="3071" actId="1035"/>
          <ac:spMkLst>
            <pc:docMk/>
            <pc:sldMk cId="2611124692" sldId="2147375248"/>
            <ac:spMk id="63" creationId="{E9B7E69E-E999-A476-B994-AA9FBBB9F832}"/>
          </ac:spMkLst>
        </pc:spChg>
        <pc:spChg chg="add mod">
          <ac:chgData name="Nitsche, Rainer" userId="b0459796-2dba-4711-99d0-2635315bc4ac" providerId="ADAL" clId="{104A0FAD-1A32-46DF-B188-625334230143}" dt="2023-11-06T14:09:16.177" v="2262" actId="164"/>
          <ac:spMkLst>
            <pc:docMk/>
            <pc:sldMk cId="2611124692" sldId="2147375248"/>
            <ac:spMk id="94" creationId="{CFED4C52-3345-CB63-5A8F-B6BF4A39DC3B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98" creationId="{048C3057-732D-7423-1978-247293930162}"/>
          </ac:spMkLst>
        </pc:spChg>
        <pc:spChg chg="add mod or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99" creationId="{F1B3F6DF-B561-3146-FCB7-99012755859C}"/>
          </ac:spMkLst>
        </pc:spChg>
        <pc:spChg chg="add mod">
          <ac:chgData name="Nitsche, Rainer" userId="b0459796-2dba-4711-99d0-2635315bc4ac" providerId="ADAL" clId="{104A0FAD-1A32-46DF-B188-625334230143}" dt="2023-11-07T07:02:24.687" v="4079" actId="207"/>
          <ac:spMkLst>
            <pc:docMk/>
            <pc:sldMk cId="2611124692" sldId="2147375248"/>
            <ac:spMk id="128" creationId="{909FE7A2-8341-F4ED-4320-25C1E2A46574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30" creationId="{506DE4C4-5B00-CA96-54A4-CB208F634DA8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31" creationId="{EEA03695-0C7E-EB85-3362-F22826AEA4D9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43" creationId="{4178C7C9-5FCE-8138-0753-FD28117FDBC3}"/>
          </ac:spMkLst>
        </pc:spChg>
        <pc:spChg chg="add mod">
          <ac:chgData name="Nitsche, Rainer" userId="b0459796-2dba-4711-99d0-2635315bc4ac" providerId="ADAL" clId="{104A0FAD-1A32-46DF-B188-625334230143}" dt="2023-11-07T07:08:46.470" v="4242" actId="1076"/>
          <ac:spMkLst>
            <pc:docMk/>
            <pc:sldMk cId="2611124692" sldId="2147375248"/>
            <ac:spMk id="152" creationId="{28355B05-FB29-62E0-0109-13154A51022F}"/>
          </ac:spMkLst>
        </pc:spChg>
        <pc:spChg chg="add del">
          <ac:chgData name="Nitsche, Rainer" userId="b0459796-2dba-4711-99d0-2635315bc4ac" providerId="ADAL" clId="{104A0FAD-1A32-46DF-B188-625334230143}" dt="2023-11-06T14:36:52.969" v="3268" actId="478"/>
          <ac:spMkLst>
            <pc:docMk/>
            <pc:sldMk cId="2611124692" sldId="2147375248"/>
            <ac:spMk id="154" creationId="{C2E08437-BA3B-164A-5A16-31C4DB44F576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60" creationId="{4DAB2FD9-AA2C-67A5-EF01-67257D781727}"/>
          </ac:spMkLst>
        </pc:spChg>
        <pc:spChg chg="add mod">
          <ac:chgData name="Nitsche, Rainer" userId="b0459796-2dba-4711-99d0-2635315bc4ac" providerId="ADAL" clId="{104A0FAD-1A32-46DF-B188-625334230143}" dt="2023-11-06T15:18:11.956" v="3455" actId="1036"/>
          <ac:spMkLst>
            <pc:docMk/>
            <pc:sldMk cId="2611124692" sldId="2147375248"/>
            <ac:spMk id="169" creationId="{1383B4DA-A35A-6A48-3618-F0D7285A06E5}"/>
          </ac:spMkLst>
        </pc:spChg>
        <pc:spChg chg="add del mod">
          <ac:chgData name="Nitsche, Rainer" userId="b0459796-2dba-4711-99d0-2635315bc4ac" providerId="ADAL" clId="{104A0FAD-1A32-46DF-B188-625334230143}" dt="2023-11-06T15:13:09.514" v="3369" actId="478"/>
          <ac:spMkLst>
            <pc:docMk/>
            <pc:sldMk cId="2611124692" sldId="2147375248"/>
            <ac:spMk id="170" creationId="{10349A9F-EBD7-7464-09D6-BD8FB8E5EF91}"/>
          </ac:spMkLst>
        </pc:spChg>
        <pc:spChg chg="add mod">
          <ac:chgData name="Nitsche, Rainer" userId="b0459796-2dba-4711-99d0-2635315bc4ac" providerId="ADAL" clId="{104A0FAD-1A32-46DF-B188-625334230143}" dt="2023-11-06T15:14:39.027" v="3387" actId="20577"/>
          <ac:spMkLst>
            <pc:docMk/>
            <pc:sldMk cId="2611124692" sldId="2147375248"/>
            <ac:spMk id="171" creationId="{997E46C8-6902-1FA3-21D5-E3BCCADE5208}"/>
          </ac:spMkLst>
        </pc:spChg>
        <pc:spChg chg="add mod">
          <ac:chgData name="Nitsche, Rainer" userId="b0459796-2dba-4711-99d0-2635315bc4ac" providerId="ADAL" clId="{104A0FAD-1A32-46DF-B188-625334230143}" dt="2023-11-06T15:14:14.948" v="3382" actId="164"/>
          <ac:spMkLst>
            <pc:docMk/>
            <pc:sldMk cId="2611124692" sldId="2147375248"/>
            <ac:spMk id="172" creationId="{C8C959EA-6A55-FDD4-9D62-F8F44EF0A117}"/>
          </ac:spMkLst>
        </pc:spChg>
        <pc:spChg chg="add mod">
          <ac:chgData name="Nitsche, Rainer" userId="b0459796-2dba-4711-99d0-2635315bc4ac" providerId="ADAL" clId="{104A0FAD-1A32-46DF-B188-625334230143}" dt="2023-11-06T15:14:23.651" v="3383" actId="164"/>
          <ac:spMkLst>
            <pc:docMk/>
            <pc:sldMk cId="2611124692" sldId="2147375248"/>
            <ac:spMk id="173" creationId="{61B6F8D5-7635-182B-43EB-648A3670DC14}"/>
          </ac:spMkLst>
        </pc:spChg>
        <pc:spChg chg="add mod">
          <ac:chgData name="Nitsche, Rainer" userId="b0459796-2dba-4711-99d0-2635315bc4ac" providerId="ADAL" clId="{104A0FAD-1A32-46DF-B188-625334230143}" dt="2023-11-06T15:14:23.651" v="3383" actId="164"/>
          <ac:spMkLst>
            <pc:docMk/>
            <pc:sldMk cId="2611124692" sldId="2147375248"/>
            <ac:spMk id="174" creationId="{20E7B59B-9D27-7634-636E-A1B5A715EE39}"/>
          </ac:spMkLst>
        </pc:spChg>
        <pc:spChg chg="mod">
          <ac:chgData name="Nitsche, Rainer" userId="b0459796-2dba-4711-99d0-2635315bc4ac" providerId="ADAL" clId="{104A0FAD-1A32-46DF-B188-625334230143}" dt="2023-11-06T15:14:43.897" v="3388" actId="20577"/>
          <ac:spMkLst>
            <pc:docMk/>
            <pc:sldMk cId="2611124692" sldId="2147375248"/>
            <ac:spMk id="178" creationId="{C78F28EB-53D5-F6C0-A151-C51B4019994D}"/>
          </ac:spMkLst>
        </pc:spChg>
        <pc:spChg chg="mod">
          <ac:chgData name="Nitsche, Rainer" userId="b0459796-2dba-4711-99d0-2635315bc4ac" providerId="ADAL" clId="{104A0FAD-1A32-46DF-B188-625334230143}" dt="2023-11-06T15:14:31.609" v="3385"/>
          <ac:spMkLst>
            <pc:docMk/>
            <pc:sldMk cId="2611124692" sldId="2147375248"/>
            <ac:spMk id="179" creationId="{2FDC2D40-5315-CB0C-CED3-6F6D22440700}"/>
          </ac:spMkLst>
        </pc:spChg>
        <pc:spChg chg="mod">
          <ac:chgData name="Nitsche, Rainer" userId="b0459796-2dba-4711-99d0-2635315bc4ac" providerId="ADAL" clId="{104A0FAD-1A32-46DF-B188-625334230143}" dt="2023-11-07T07:08:06.007" v="4236" actId="1076"/>
          <ac:spMkLst>
            <pc:docMk/>
            <pc:sldMk cId="2611124692" sldId="2147375248"/>
            <ac:spMk id="181" creationId="{E18ADABE-02C2-D8B4-CFA4-DE86636FFB54}"/>
          </ac:spMkLst>
        </pc:spChg>
        <pc:spChg chg="mod">
          <ac:chgData name="Nitsche, Rainer" userId="b0459796-2dba-4711-99d0-2635315bc4ac" providerId="ADAL" clId="{104A0FAD-1A32-46DF-B188-625334230143}" dt="2023-11-07T07:07:31.288" v="4232" actId="1076"/>
          <ac:spMkLst>
            <pc:docMk/>
            <pc:sldMk cId="2611124692" sldId="2147375248"/>
            <ac:spMk id="182" creationId="{63E4AAA9-4F35-BB29-B269-BB3C31150637}"/>
          </ac:spMkLst>
        </pc:spChg>
        <pc:grpChg chg="add mod">
          <ac:chgData name="Nitsche, Rainer" userId="b0459796-2dba-4711-99d0-2635315bc4ac" providerId="ADAL" clId="{104A0FAD-1A32-46DF-B188-625334230143}" dt="2023-11-06T13:04:49.199" v="1987" actId="164"/>
          <ac:grpSpMkLst>
            <pc:docMk/>
            <pc:sldMk cId="2611124692" sldId="2147375248"/>
            <ac:grpSpMk id="30" creationId="{FA5ADF75-4FFF-EC68-14E3-AEB467A9C07A}"/>
          </ac:grpSpMkLst>
        </pc:grpChg>
        <pc:grpChg chg="add mod">
          <ac:chgData name="Nitsche, Rainer" userId="b0459796-2dba-4711-99d0-2635315bc4ac" providerId="ADAL" clId="{104A0FAD-1A32-46DF-B188-625334230143}" dt="2023-11-06T13:06:11.970" v="1995" actId="164"/>
          <ac:grpSpMkLst>
            <pc:docMk/>
            <pc:sldMk cId="2611124692" sldId="2147375248"/>
            <ac:grpSpMk id="44" creationId="{D7F10159-4122-D01B-9482-DBB17871B878}"/>
          </ac:grpSpMkLst>
        </pc:grpChg>
        <pc:grpChg chg="add mod">
          <ac:chgData name="Nitsche, Rainer" userId="b0459796-2dba-4711-99d0-2635315bc4ac" providerId="ADAL" clId="{104A0FAD-1A32-46DF-B188-625334230143}" dt="2023-11-06T14:09:16.177" v="2262" actId="164"/>
          <ac:grpSpMkLst>
            <pc:docMk/>
            <pc:sldMk cId="2611124692" sldId="2147375248"/>
            <ac:grpSpMk id="46" creationId="{1024150D-4056-4134-6363-F94681399CD5}"/>
          </ac:grpSpMkLst>
        </pc:grpChg>
        <pc:grpChg chg="add mod">
          <ac:chgData name="Nitsche, Rainer" userId="b0459796-2dba-4711-99d0-2635315bc4ac" providerId="ADAL" clId="{104A0FAD-1A32-46DF-B188-625334230143}" dt="2023-11-06T14:09:34.122" v="2302" actId="164"/>
          <ac:grpSpMkLst>
            <pc:docMk/>
            <pc:sldMk cId="2611124692" sldId="2147375248"/>
            <ac:grpSpMk id="96" creationId="{CFB69AFA-C755-9D84-4E1D-5806849E9FF1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97" creationId="{454A3421-412F-6665-67A5-2C67CDE954C9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175" creationId="{8D9973AE-70B8-C262-5538-2569D2871E16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176" creationId="{C39B81C8-B30B-05D1-BC14-DAD3F09FA282}"/>
          </ac:grpSpMkLst>
        </pc:grpChg>
        <pc:grpChg chg="add mod">
          <ac:chgData name="Nitsche, Rainer" userId="b0459796-2dba-4711-99d0-2635315bc4ac" providerId="ADAL" clId="{104A0FAD-1A32-46DF-B188-625334230143}" dt="2023-11-06T15:18:11.956" v="3455" actId="1036"/>
          <ac:grpSpMkLst>
            <pc:docMk/>
            <pc:sldMk cId="2611124692" sldId="2147375248"/>
            <ac:grpSpMk id="177" creationId="{289F294D-B123-7673-8CED-473EA4D525A7}"/>
          </ac:grpSpMkLst>
        </pc:grpChg>
        <pc:grpChg chg="add mod">
          <ac:chgData name="Nitsche, Rainer" userId="b0459796-2dba-4711-99d0-2635315bc4ac" providerId="ADAL" clId="{104A0FAD-1A32-46DF-B188-625334230143}" dt="2023-11-07T07:08:14.211" v="4237" actId="1076"/>
          <ac:grpSpMkLst>
            <pc:docMk/>
            <pc:sldMk cId="2611124692" sldId="2147375248"/>
            <ac:grpSpMk id="180" creationId="{AB5991F5-7DEE-9361-546E-D1CC83490078}"/>
          </ac:grpSpMkLst>
        </pc:grpChg>
        <pc:picChg chg="del">
          <ac:chgData name="Nitsche, Rainer" userId="b0459796-2dba-4711-99d0-2635315bc4ac" providerId="ADAL" clId="{104A0FAD-1A32-46DF-B188-625334230143}" dt="2023-11-06T12:48:55.279" v="1632" actId="478"/>
          <ac:picMkLst>
            <pc:docMk/>
            <pc:sldMk cId="2611124692" sldId="2147375248"/>
            <ac:picMk id="19" creationId="{4A3D2F42-0F51-137C-16C3-1A337C80359D}"/>
          </ac:picMkLst>
        </pc:picChg>
        <pc:picChg chg="mod replST">
          <ac:chgData name="Nitsche, Rainer" userId="b0459796-2dba-4711-99d0-2635315bc4ac" providerId="ADAL" clId="{104A0FAD-1A32-46DF-B188-625334230143}" dt="2023-11-06T13:05:39.700" v="1991" actId="692"/>
          <ac:picMkLst>
            <pc:docMk/>
            <pc:sldMk cId="2611124692" sldId="2147375248"/>
            <ac:picMk id="40" creationId="{2149BEB7-445F-1CCE-D5C0-CFB5651667AA}"/>
          </ac:picMkLst>
        </pc:picChg>
        <pc:picChg chg="add del mod">
          <ac:chgData name="Nitsche, Rainer" userId="b0459796-2dba-4711-99d0-2635315bc4ac" providerId="ADAL" clId="{104A0FAD-1A32-46DF-B188-625334230143}" dt="2023-11-06T13:04:26.105" v="1984" actId="478"/>
          <ac:picMkLst>
            <pc:docMk/>
            <pc:sldMk cId="2611124692" sldId="2147375248"/>
            <ac:picMk id="41" creationId="{2E8E332F-5B86-794C-A742-F7AC1C188899}"/>
          </ac:picMkLst>
        </pc:picChg>
        <pc:picChg chg="mod ord replST">
          <ac:chgData name="Nitsche, Rainer" userId="b0459796-2dba-4711-99d0-2635315bc4ac" providerId="ADAL" clId="{104A0FAD-1A32-46DF-B188-625334230143}" dt="2023-11-06T13:05:39.700" v="1991" actId="692"/>
          <ac:picMkLst>
            <pc:docMk/>
            <pc:sldMk cId="2611124692" sldId="2147375248"/>
            <ac:picMk id="43" creationId="{FD5017CA-DD4F-5393-B61F-DAA81FF9177F}"/>
          </ac:picMkLst>
        </pc:picChg>
        <pc:picChg chg="add del mod">
          <ac:chgData name="Nitsche, Rainer" userId="b0459796-2dba-4711-99d0-2635315bc4ac" providerId="ADAL" clId="{104A0FAD-1A32-46DF-B188-625334230143}" dt="2023-11-06T13:16:15.818" v="2175" actId="478"/>
          <ac:picMkLst>
            <pc:docMk/>
            <pc:sldMk cId="2611124692" sldId="2147375248"/>
            <ac:picMk id="68" creationId="{31BF5DE6-9B4F-02D9-E000-5D247B9F2CC7}"/>
          </ac:picMkLst>
        </pc:picChg>
        <pc:picChg chg="add del mod">
          <ac:chgData name="Nitsche, Rainer" userId="b0459796-2dba-4711-99d0-2635315bc4ac" providerId="ADAL" clId="{104A0FAD-1A32-46DF-B188-625334230143}" dt="2023-11-06T13:34:15.846" v="2182" actId="478"/>
          <ac:picMkLst>
            <pc:docMk/>
            <pc:sldMk cId="2611124692" sldId="2147375248"/>
            <ac:picMk id="70" creationId="{185CB148-CBC2-9A0B-8089-66CEF7F4E7B1}"/>
          </ac:picMkLst>
        </pc:picChg>
        <pc:picChg chg="add del mod">
          <ac:chgData name="Nitsche, Rainer" userId="b0459796-2dba-4711-99d0-2635315bc4ac" providerId="ADAL" clId="{104A0FAD-1A32-46DF-B188-625334230143}" dt="2023-11-06T13:35:23.329" v="2187" actId="478"/>
          <ac:picMkLst>
            <pc:docMk/>
            <pc:sldMk cId="2611124692" sldId="2147375248"/>
            <ac:picMk id="72" creationId="{6EAC6898-8DD5-69E4-98F9-9160C57ACAC2}"/>
          </ac:picMkLst>
        </pc:picChg>
        <pc:picChg chg="add del mod">
          <ac:chgData name="Nitsche, Rainer" userId="b0459796-2dba-4711-99d0-2635315bc4ac" providerId="ADAL" clId="{104A0FAD-1A32-46DF-B188-625334230143}" dt="2023-11-06T13:51:04.763" v="2219" actId="478"/>
          <ac:picMkLst>
            <pc:docMk/>
            <pc:sldMk cId="2611124692" sldId="2147375248"/>
            <ac:picMk id="74" creationId="{46461E34-1337-A108-E1BF-2E7035916D07}"/>
          </ac:picMkLst>
        </pc:picChg>
        <pc:picChg chg="add del mod">
          <ac:chgData name="Nitsche, Rainer" userId="b0459796-2dba-4711-99d0-2635315bc4ac" providerId="ADAL" clId="{104A0FAD-1A32-46DF-B188-625334230143}" dt="2023-11-06T13:42:44.476" v="2204" actId="478"/>
          <ac:picMkLst>
            <pc:docMk/>
            <pc:sldMk cId="2611124692" sldId="2147375248"/>
            <ac:picMk id="76" creationId="{28C92550-4642-AE66-351E-EE1C8F84F658}"/>
          </ac:picMkLst>
        </pc:picChg>
        <pc:picChg chg="add del mod">
          <ac:chgData name="Nitsche, Rainer" userId="b0459796-2dba-4711-99d0-2635315bc4ac" providerId="ADAL" clId="{104A0FAD-1A32-46DF-B188-625334230143}" dt="2023-11-06T13:51:12.326" v="2221" actId="478"/>
          <ac:picMkLst>
            <pc:docMk/>
            <pc:sldMk cId="2611124692" sldId="2147375248"/>
            <ac:picMk id="78" creationId="{11B6A5D6-0809-3F1E-84B7-0E7DBD17998A}"/>
          </ac:picMkLst>
        </pc:picChg>
        <pc:picChg chg="add del mod">
          <ac:chgData name="Nitsche, Rainer" userId="b0459796-2dba-4711-99d0-2635315bc4ac" providerId="ADAL" clId="{104A0FAD-1A32-46DF-B188-625334230143}" dt="2023-11-06T13:51:39.306" v="2228" actId="478"/>
          <ac:picMkLst>
            <pc:docMk/>
            <pc:sldMk cId="2611124692" sldId="2147375248"/>
            <ac:picMk id="80" creationId="{4B107673-C762-ADDB-D509-A76ECEB0F546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82" creationId="{8C957173-D621-CE16-D2AF-3EB5782D6519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84" creationId="{B9AC232C-9B49-9EFF-4231-43D209A78955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86" creationId="{A483DCB5-64D6-9973-82BA-E8C10209A317}"/>
          </ac:picMkLst>
        </pc:picChg>
        <pc:picChg chg="add mod">
          <ac:chgData name="Nitsche, Rainer" userId="b0459796-2dba-4711-99d0-2635315bc4ac" providerId="ADAL" clId="{104A0FAD-1A32-46DF-B188-625334230143}" dt="2023-11-06T14:09:16.177" v="2262" actId="164"/>
          <ac:picMkLst>
            <pc:docMk/>
            <pc:sldMk cId="2611124692" sldId="2147375248"/>
            <ac:picMk id="90" creationId="{F99C1C39-EACE-FAD1-28C4-D4F0CE32DCDB}"/>
          </ac:picMkLst>
        </pc:picChg>
        <pc:picChg chg="del mod replST">
          <ac:chgData name="Nitsche, Rainer" userId="b0459796-2dba-4711-99d0-2635315bc4ac" providerId="ADAL" clId="{104A0FAD-1A32-46DF-B188-625334230143}" dt="2023-11-06T14:18:14.681" v="2704" actId="478"/>
          <ac:picMkLst>
            <pc:docMk/>
            <pc:sldMk cId="2611124692" sldId="2147375248"/>
            <ac:picMk id="104" creationId="{1E1A0D70-D0AB-B80D-4B61-358F85C24D78}"/>
          </ac:picMkLst>
        </pc:picChg>
        <pc:picChg chg="del mod ord replST">
          <ac:chgData name="Nitsche, Rainer" userId="b0459796-2dba-4711-99d0-2635315bc4ac" providerId="ADAL" clId="{104A0FAD-1A32-46DF-B188-625334230143}" dt="2023-11-06T14:18:50.859" v="2732" actId="478"/>
          <ac:picMkLst>
            <pc:docMk/>
            <pc:sldMk cId="2611124692" sldId="2147375248"/>
            <ac:picMk id="106" creationId="{DCBF02DF-A245-FF7D-0CF0-3657AAEA412F}"/>
          </ac:picMkLst>
        </pc:picChg>
        <pc:picChg chg="del mod ord replST">
          <ac:chgData name="Nitsche, Rainer" userId="b0459796-2dba-4711-99d0-2635315bc4ac" providerId="ADAL" clId="{104A0FAD-1A32-46DF-B188-625334230143}" dt="2023-11-06T14:19:33.701" v="2759" actId="478"/>
          <ac:picMkLst>
            <pc:docMk/>
            <pc:sldMk cId="2611124692" sldId="2147375248"/>
            <ac:picMk id="108" creationId="{9B39AD5F-CB5D-1E3B-7A4A-6DEF5460190A}"/>
          </ac:picMkLst>
        </pc:picChg>
        <pc:picChg chg="del mod ord replST">
          <ac:chgData name="Nitsche, Rainer" userId="b0459796-2dba-4711-99d0-2635315bc4ac" providerId="ADAL" clId="{104A0FAD-1A32-46DF-B188-625334230143}" dt="2023-11-06T14:19:58.552" v="2785" actId="478"/>
          <ac:picMkLst>
            <pc:docMk/>
            <pc:sldMk cId="2611124692" sldId="2147375248"/>
            <ac:picMk id="110" creationId="{FA3822D2-3D14-E547-DB62-CBE1148FAEE1}"/>
          </ac:picMkLst>
        </pc:picChg>
        <pc:picChg chg="del mod ord replST">
          <ac:chgData name="Nitsche, Rainer" userId="b0459796-2dba-4711-99d0-2635315bc4ac" providerId="ADAL" clId="{104A0FAD-1A32-46DF-B188-625334230143}" dt="2023-11-06T14:20:10.251" v="2812" actId="478"/>
          <ac:picMkLst>
            <pc:docMk/>
            <pc:sldMk cId="2611124692" sldId="2147375248"/>
            <ac:picMk id="112" creationId="{79FD9E46-4581-6D4D-67AE-BDACB06C239B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14" creationId="{F5CFC098-9DF2-36A3-6F53-78C4C0591851}"/>
          </ac:picMkLst>
        </pc:picChg>
        <pc:picChg chg="add del mod">
          <ac:chgData name="Nitsche, Rainer" userId="b0459796-2dba-4711-99d0-2635315bc4ac" providerId="ADAL" clId="{104A0FAD-1A32-46DF-B188-625334230143}" dt="2023-11-06T14:22:47.453" v="2896" actId="478"/>
          <ac:picMkLst>
            <pc:docMk/>
            <pc:sldMk cId="2611124692" sldId="2147375248"/>
            <ac:picMk id="125" creationId="{760E1DC2-D0C7-7C43-CB8D-FCEA6FC55EA4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27" creationId="{D1344CB6-9778-8329-D691-AB6ADABE729F}"/>
          </ac:picMkLst>
        </pc:picChg>
        <pc:picChg chg="add del mod">
          <ac:chgData name="Nitsche, Rainer" userId="b0459796-2dba-4711-99d0-2635315bc4ac" providerId="ADAL" clId="{104A0FAD-1A32-46DF-B188-625334230143}" dt="2023-11-06T14:30:56.087" v="2978" actId="478"/>
          <ac:picMkLst>
            <pc:docMk/>
            <pc:sldMk cId="2611124692" sldId="2147375248"/>
            <ac:picMk id="132" creationId="{E9910349-C34D-6860-12D0-2C912DA05545}"/>
          </ac:picMkLst>
        </pc:picChg>
        <pc:picChg chg="add del mod">
          <ac:chgData name="Nitsche, Rainer" userId="b0459796-2dba-4711-99d0-2635315bc4ac" providerId="ADAL" clId="{104A0FAD-1A32-46DF-B188-625334230143}" dt="2023-11-06T14:33:15.427" v="3117" actId="478"/>
          <ac:picMkLst>
            <pc:docMk/>
            <pc:sldMk cId="2611124692" sldId="2147375248"/>
            <ac:picMk id="136" creationId="{6F0A29C2-D65C-6BB7-85A7-4CF7BEF0FDCD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40" creationId="{95DA1D64-2C64-0A93-6694-069FA5A5DD2D}"/>
          </ac:picMkLst>
        </pc:picChg>
        <pc:picChg chg="mod ord replST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46" creationId="{C93DE0D6-2F53-07C4-A0AD-F0202A541180}"/>
          </ac:picMkLst>
        </pc:picChg>
        <pc:picChg chg="add mod">
          <ac:chgData name="Nitsche, Rainer" userId="b0459796-2dba-4711-99d0-2635315bc4ac" providerId="ADAL" clId="{104A0FAD-1A32-46DF-B188-625334230143}" dt="2023-11-07T07:07:02.914" v="4229" actId="1076"/>
          <ac:picMkLst>
            <pc:docMk/>
            <pc:sldMk cId="2611124692" sldId="2147375248"/>
            <ac:picMk id="147" creationId="{E8296150-0B50-BB0F-A602-AA86F14D20C7}"/>
          </ac:picMkLst>
        </pc:picChg>
        <pc:picChg chg="add del mod">
          <ac:chgData name="Nitsche, Rainer" userId="b0459796-2dba-4711-99d0-2635315bc4ac" providerId="ADAL" clId="{104A0FAD-1A32-46DF-B188-625334230143}" dt="2023-11-06T14:56:40.715" v="3332" actId="478"/>
          <ac:picMkLst>
            <pc:docMk/>
            <pc:sldMk cId="2611124692" sldId="2147375248"/>
            <ac:picMk id="148" creationId="{5A971D76-8925-CEBB-6E60-7577D8B5F975}"/>
          </ac:picMkLst>
        </pc:picChg>
        <pc:picChg chg="add mod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53" creationId="{88D6E303-D085-71F7-4840-683349B1A805}"/>
          </ac:picMkLst>
        </pc:picChg>
        <pc:picChg chg="add del mod">
          <ac:chgData name="Nitsche, Rainer" userId="b0459796-2dba-4711-99d0-2635315bc4ac" providerId="ADAL" clId="{104A0FAD-1A32-46DF-B188-625334230143}" dt="2023-11-06T14:56:04.814" v="3331" actId="478"/>
          <ac:picMkLst>
            <pc:docMk/>
            <pc:sldMk cId="2611124692" sldId="2147375248"/>
            <ac:picMk id="164" creationId="{891CE397-5EA0-FAD4-4F55-37884822F324}"/>
          </ac:picMkLst>
        </pc:picChg>
        <pc:picChg chg="add del mod">
          <ac:chgData name="Nitsche, Rainer" userId="b0459796-2dba-4711-99d0-2635315bc4ac" providerId="ADAL" clId="{104A0FAD-1A32-46DF-B188-625334230143}" dt="2023-11-06T14:57:03.701" v="3339" actId="478"/>
          <ac:picMkLst>
            <pc:docMk/>
            <pc:sldMk cId="2611124692" sldId="2147375248"/>
            <ac:picMk id="166" creationId="{D027CEE0-B150-C73D-2DE3-BD223DC48316}"/>
          </ac:picMkLst>
        </pc:picChg>
        <pc:picChg chg="add mod">
          <ac:chgData name="Nitsche, Rainer" userId="b0459796-2dba-4711-99d0-2635315bc4ac" providerId="ADAL" clId="{104A0FAD-1A32-46DF-B188-625334230143}" dt="2023-11-06T15:18:11.956" v="3455" actId="1036"/>
          <ac:picMkLst>
            <pc:docMk/>
            <pc:sldMk cId="2611124692" sldId="2147375248"/>
            <ac:picMk id="168" creationId="{1C75F2E3-6297-6FD7-89BB-2ED0BDE41560}"/>
          </ac:picMkLst>
        </pc:pic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8" creationId="{9A2489CC-0F84-F3A1-1FBF-7B44E387F100}"/>
          </ac:cxnSpMkLst>
        </pc:cxnChg>
        <pc:cxnChg chg="add mod">
          <ac:chgData name="Nitsche, Rainer" userId="b0459796-2dba-4711-99d0-2635315bc4ac" providerId="ADAL" clId="{104A0FAD-1A32-46DF-B188-625334230143}" dt="2023-11-06T15:19:54.301" v="3487" actId="1037"/>
          <ac:cxnSpMkLst>
            <pc:docMk/>
            <pc:sldMk cId="2611124692" sldId="2147375248"/>
            <ac:cxnSpMk id="20" creationId="{5D718376-DF4F-CE1F-F7AB-1E0A2D7BB53C}"/>
          </ac:cxnSpMkLst>
        </pc:cxnChg>
        <pc:cxnChg chg="add mod">
          <ac:chgData name="Nitsche, Rainer" userId="b0459796-2dba-4711-99d0-2635315bc4ac" providerId="ADAL" clId="{104A0FAD-1A32-46DF-B188-625334230143}" dt="2023-11-07T07:03:16.652" v="4082" actId="692"/>
          <ac:cxnSpMkLst>
            <pc:docMk/>
            <pc:sldMk cId="2611124692" sldId="2147375248"/>
            <ac:cxnSpMk id="25" creationId="{6C9F411B-32CA-AE3C-1CA3-2D12729B7D70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27" creationId="{BABF6217-686C-7861-D8FC-80E4C9D440C6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29" creationId="{FA595079-1E5B-A763-8145-72B296C0FA0E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2" creationId="{9CA227DD-2042-E2D4-9B00-3AED26D0F3A5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4" creationId="{71152BAA-3BA9-FB80-1068-7BE2D5475E8C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6" creationId="{6FB66A5D-83A6-B669-8EEC-50F789DF377A}"/>
          </ac:cxnSpMkLst>
        </pc:cxnChg>
        <pc:cxnChg chg="add mod">
          <ac:chgData name="Nitsche, Rainer" userId="b0459796-2dba-4711-99d0-2635315bc4ac" providerId="ADAL" clId="{104A0FAD-1A32-46DF-B188-625334230143}" dt="2023-11-06T13:05:39.700" v="1991" actId="692"/>
          <ac:cxnSpMkLst>
            <pc:docMk/>
            <pc:sldMk cId="2611124692" sldId="2147375248"/>
            <ac:cxnSpMk id="38" creationId="{C634D8FE-273C-5779-9713-A2338C6362C7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49" creationId="{36550D43-7D1E-C071-221D-A68C3F5BF9D3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51" creationId="{420DA71E-B0ED-A87D-16AF-9FF37F665CF3}"/>
          </ac:cxnSpMkLst>
        </pc:cxnChg>
        <pc:cxnChg chg="add mod">
          <ac:chgData name="Nitsche, Rainer" userId="b0459796-2dba-4711-99d0-2635315bc4ac" providerId="ADAL" clId="{104A0FAD-1A32-46DF-B188-625334230143}" dt="2023-11-07T07:03:22.327" v="4083" actId="692"/>
          <ac:cxnSpMkLst>
            <pc:docMk/>
            <pc:sldMk cId="2611124692" sldId="2147375248"/>
            <ac:cxnSpMk id="52" creationId="{B0C380F9-7FE6-89D0-8BFF-9CCFFB1287E0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54" creationId="{401112BE-AE8A-8904-84A3-D372080FF487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56" creationId="{A622192B-A1AA-8878-4FFD-6FAC9133331A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58" creationId="{750A7A3E-7756-0C2A-B6D8-28E4DEACA5CB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61" creationId="{E1528C1F-0E25-8466-DC28-9D57E346DA3A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66" creationId="{9C748AFE-4289-37A6-9DEC-442A6ACED733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88" creationId="{83287E8A-9436-5AF6-B08B-EFC652B2F075}"/>
          </ac:cxnSpMkLst>
        </pc:cxnChg>
        <pc:cxnChg chg="add mod">
          <ac:chgData name="Nitsche, Rainer" userId="b0459796-2dba-4711-99d0-2635315bc4ac" providerId="ADAL" clId="{104A0FAD-1A32-46DF-B188-625334230143}" dt="2023-11-06T14:09:16.177" v="2262" actId="164"/>
          <ac:cxnSpMkLst>
            <pc:docMk/>
            <pc:sldMk cId="2611124692" sldId="2147375248"/>
            <ac:cxnSpMk id="91" creationId="{B542AC0B-DE11-61E9-EA37-B5CC48EE4286}"/>
          </ac:cxnSpMkLst>
        </pc:cxnChg>
        <pc:cxnChg chg="add mod or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00" creationId="{22C82A1B-D6D7-C17E-FC81-A860D7CA8CEB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16" creationId="{757EC926-B052-8B7E-7EAF-9B0BD4E33127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22" creationId="{5F2A437C-48CA-F664-65C3-F8921757143A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24" creationId="{0F986C88-1C45-3ED7-95F1-8AA4BDD5CED7}"/>
          </ac:cxnSpMkLst>
        </pc:cxnChg>
        <pc:cxnChg chg="add del mod">
          <ac:chgData name="Nitsche, Rainer" userId="b0459796-2dba-4711-99d0-2635315bc4ac" providerId="ADAL" clId="{104A0FAD-1A32-46DF-B188-625334230143}" dt="2023-11-06T14:30:07.356" v="2947" actId="478"/>
          <ac:cxnSpMkLst>
            <pc:docMk/>
            <pc:sldMk cId="2611124692" sldId="2147375248"/>
            <ac:cxnSpMk id="129" creationId="{D4167AF6-D202-F1C6-5FDA-F6A46EF89144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33" creationId="{D18E0AB3-633E-2D88-F0F8-526FC3435DB1}"/>
          </ac:cxnSpMkLst>
        </pc:cxnChg>
        <pc:cxnChg chg="add del mod">
          <ac:chgData name="Nitsche, Rainer" userId="b0459796-2dba-4711-99d0-2635315bc4ac" providerId="ADAL" clId="{104A0FAD-1A32-46DF-B188-625334230143}" dt="2023-11-06T14:29:40.796" v="2935" actId="478"/>
          <ac:cxnSpMkLst>
            <pc:docMk/>
            <pc:sldMk cId="2611124692" sldId="2147375248"/>
            <ac:cxnSpMk id="134" creationId="{F727DE09-0F93-0849-E9AD-7CCCE2DE8DCF}"/>
          </ac:cxnSpMkLst>
        </pc:cxnChg>
        <pc:cxnChg chg="add del mod">
          <ac:chgData name="Nitsche, Rainer" userId="b0459796-2dba-4711-99d0-2635315bc4ac" providerId="ADAL" clId="{104A0FAD-1A32-46DF-B188-625334230143}" dt="2023-11-06T14:29:39.185" v="2934" actId="478"/>
          <ac:cxnSpMkLst>
            <pc:docMk/>
            <pc:sldMk cId="2611124692" sldId="2147375248"/>
            <ac:cxnSpMk id="135" creationId="{6070402C-5317-15C7-6E91-663E50E63316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41" creationId="{5AA40948-92B4-967A-BBDA-0D8299FB3DBC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42" creationId="{A73D5A85-7402-F778-9E19-C98B090EA375}"/>
          </ac:cxnSpMkLst>
        </pc:cxnChg>
        <pc:cxnChg chg="add mod">
          <ac:chgData name="Nitsche, Rainer" userId="b0459796-2dba-4711-99d0-2635315bc4ac" providerId="ADAL" clId="{104A0FAD-1A32-46DF-B188-625334230143}" dt="2023-11-07T07:07:02.914" v="4229" actId="1076"/>
          <ac:cxnSpMkLst>
            <pc:docMk/>
            <pc:sldMk cId="2611124692" sldId="2147375248"/>
            <ac:cxnSpMk id="150" creationId="{9F83B771-6FE1-10D3-85F6-4983A59149A6}"/>
          </ac:cxnSpMkLst>
        </pc:cxnChg>
        <pc:cxnChg chg="add del mod">
          <ac:chgData name="Nitsche, Rainer" userId="b0459796-2dba-4711-99d0-2635315bc4ac" providerId="ADAL" clId="{104A0FAD-1A32-46DF-B188-625334230143}" dt="2023-11-07T07:09:05.607" v="4243" actId="478"/>
          <ac:cxnSpMkLst>
            <pc:docMk/>
            <pc:sldMk cId="2611124692" sldId="2147375248"/>
            <ac:cxnSpMk id="151" creationId="{C763423D-C3DE-C32A-EED3-21E76DF8E487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56" creationId="{C44642BC-FA44-6321-63BF-CACB0E91EB10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57" creationId="{5451B348-493D-B9E3-72F3-FC05367DAE1E}"/>
          </ac:cxnSpMkLst>
        </pc:cxnChg>
        <pc:cxnChg chg="add mod">
          <ac:chgData name="Nitsche, Rainer" userId="b0459796-2dba-4711-99d0-2635315bc4ac" providerId="ADAL" clId="{104A0FAD-1A32-46DF-B188-625334230143}" dt="2023-11-06T15:18:11.956" v="3455" actId="1036"/>
          <ac:cxnSpMkLst>
            <pc:docMk/>
            <pc:sldMk cId="2611124692" sldId="2147375248"/>
            <ac:cxnSpMk id="162" creationId="{2EDCD828-7008-31CB-90D6-CF6C43A5FD46}"/>
          </ac:cxnSpMkLst>
        </pc:cxnChg>
      </pc:sldChg>
      <pc:sldChg chg="addSp delSp modSp add mod">
        <pc:chgData name="Nitsche, Rainer" userId="b0459796-2dba-4711-99d0-2635315bc4ac" providerId="ADAL" clId="{104A0FAD-1A32-46DF-B188-625334230143}" dt="2023-11-07T12:20:01.086" v="5043" actId="1076"/>
        <pc:sldMkLst>
          <pc:docMk/>
          <pc:sldMk cId="2759062488" sldId="2147375249"/>
        </pc:sldMkLst>
        <pc:spChg chg="mod">
          <ac:chgData name="Nitsche, Rainer" userId="b0459796-2dba-4711-99d0-2635315bc4ac" providerId="ADAL" clId="{104A0FAD-1A32-46DF-B188-625334230143}" dt="2023-11-07T07:22:29.978" v="4450" actId="20577"/>
          <ac:spMkLst>
            <pc:docMk/>
            <pc:sldMk cId="2759062488" sldId="2147375249"/>
            <ac:spMk id="3" creationId="{9826E863-F1A7-B275-4975-8BD5DE7A556B}"/>
          </ac:spMkLst>
        </pc:spChg>
        <pc:spChg chg="add mod">
          <ac:chgData name="Nitsche, Rainer" userId="b0459796-2dba-4711-99d0-2635315bc4ac" providerId="ADAL" clId="{104A0FAD-1A32-46DF-B188-625334230143}" dt="2023-11-07T12:19:55.817" v="5042" actId="15"/>
          <ac:spMkLst>
            <pc:docMk/>
            <pc:sldMk cId="2759062488" sldId="2147375249"/>
            <ac:spMk id="5" creationId="{D940BFF9-81F7-BDD0-4BA0-50246D219F5F}"/>
          </ac:spMkLst>
        </pc:spChg>
        <pc:spChg chg="add mod">
          <ac:chgData name="Nitsche, Rainer" userId="b0459796-2dba-4711-99d0-2635315bc4ac" providerId="ADAL" clId="{104A0FAD-1A32-46DF-B188-625334230143}" dt="2023-11-07T07:26:15.483" v="4712" actId="1037"/>
          <ac:spMkLst>
            <pc:docMk/>
            <pc:sldMk cId="2759062488" sldId="2147375249"/>
            <ac:spMk id="16" creationId="{F95636F9-36DD-3C1A-9461-C09D9E28961D}"/>
          </ac:spMkLst>
        </pc:spChg>
        <pc:picChg chg="add mod">
          <ac:chgData name="Nitsche, Rainer" userId="b0459796-2dba-4711-99d0-2635315bc4ac" providerId="ADAL" clId="{104A0FAD-1A32-46DF-B188-625334230143}" dt="2023-11-07T12:20:01.086" v="5043" actId="1076"/>
          <ac:picMkLst>
            <pc:docMk/>
            <pc:sldMk cId="2759062488" sldId="2147375249"/>
            <ac:picMk id="18" creationId="{275AB276-0ACA-BD53-FBBF-54033F8ABF12}"/>
          </ac:picMkLst>
        </pc:picChg>
        <pc:picChg chg="del">
          <ac:chgData name="Nitsche, Rainer" userId="b0459796-2dba-4711-99d0-2635315bc4ac" providerId="ADAL" clId="{104A0FAD-1A32-46DF-B188-625334230143}" dt="2023-11-07T07:18:15.307" v="4384" actId="478"/>
          <ac:picMkLst>
            <pc:docMk/>
            <pc:sldMk cId="2759062488" sldId="2147375249"/>
            <ac:picMk id="19" creationId="{7CCC287A-1D72-500A-EA26-96874C2D6020}"/>
          </ac:picMkLst>
        </pc:picChg>
        <pc:picChg chg="del">
          <ac:chgData name="Nitsche, Rainer" userId="b0459796-2dba-4711-99d0-2635315bc4ac" providerId="ADAL" clId="{104A0FAD-1A32-46DF-B188-625334230143}" dt="2023-11-07T07:18:17.484" v="4385" actId="478"/>
          <ac:picMkLst>
            <pc:docMk/>
            <pc:sldMk cId="2759062488" sldId="2147375249"/>
            <ac:picMk id="21" creationId="{617AACF7-D451-887C-EC31-E44548AE88CC}"/>
          </ac:picMkLst>
        </pc:picChg>
      </pc:sldChg>
      <pc:sldChg chg="modSp add mod">
        <pc:chgData name="Nitsche, Rainer" userId="b0459796-2dba-4711-99d0-2635315bc4ac" providerId="ADAL" clId="{104A0FAD-1A32-46DF-B188-625334230143}" dt="2023-11-07T07:18:35.600" v="4394" actId="20577"/>
        <pc:sldMkLst>
          <pc:docMk/>
          <pc:sldMk cId="1981537799" sldId="2147375250"/>
        </pc:sldMkLst>
        <pc:spChg chg="mod">
          <ac:chgData name="Nitsche, Rainer" userId="b0459796-2dba-4711-99d0-2635315bc4ac" providerId="ADAL" clId="{104A0FAD-1A32-46DF-B188-625334230143}" dt="2023-11-07T07:18:35.600" v="4394" actId="20577"/>
          <ac:spMkLst>
            <pc:docMk/>
            <pc:sldMk cId="1981537799" sldId="2147375250"/>
            <ac:spMk id="3" creationId="{9826E863-F1A7-B275-4975-8BD5DE7A556B}"/>
          </ac:spMkLst>
        </pc:spChg>
      </pc:sldChg>
      <pc:sldMasterChg chg="modSp mod">
        <pc:chgData name="Nitsche, Rainer" userId="b0459796-2dba-4711-99d0-2635315bc4ac" providerId="ADAL" clId="{104A0FAD-1A32-46DF-B188-625334230143}" dt="2023-10-26T06:18:12.139" v="1499" actId="20577"/>
        <pc:sldMasterMkLst>
          <pc:docMk/>
          <pc:sldMasterMk cId="0" sldId="2147483658"/>
        </pc:sldMasterMkLst>
        <pc:spChg chg="mod">
          <ac:chgData name="Nitsche, Rainer" userId="b0459796-2dba-4711-99d0-2635315bc4ac" providerId="ADAL" clId="{104A0FAD-1A32-46DF-B188-625334230143}" dt="2023-10-26T06:18:12.132" v="1494" actId="20577"/>
          <ac:spMkLst>
            <pc:docMk/>
            <pc:sldMasterMk cId="0" sldId="2147483658"/>
            <ac:spMk id="16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4" v="1495" actId="20577"/>
          <ac:spMkLst>
            <pc:docMk/>
            <pc:sldMasterMk cId="0" sldId="2147483658"/>
            <ac:spMk id="25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5" v="1496" actId="20577"/>
          <ac:spMkLst>
            <pc:docMk/>
            <pc:sldMasterMk cId="0" sldId="2147483658"/>
            <ac:spMk id="26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4T13:16:10.178" v="58" actId="20577"/>
          <ac:spMkLst>
            <pc:docMk/>
            <pc:sldMasterMk cId="0" sldId="2147483658"/>
            <ac:spMk id="28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7" v="1498" actId="20577"/>
          <ac:spMkLst>
            <pc:docMk/>
            <pc:sldMasterMk cId="0" sldId="2147483658"/>
            <ac:spMk id="29" creationId="{00000000-0000-0000-0000-000000000000}"/>
          </ac:spMkLst>
        </pc:spChg>
        <pc:spChg chg="mod">
          <ac:chgData name="Nitsche, Rainer" userId="b0459796-2dba-4711-99d0-2635315bc4ac" providerId="ADAL" clId="{104A0FAD-1A32-46DF-B188-625334230143}" dt="2023-10-26T06:18:12.139" v="1499" actId="20577"/>
          <ac:spMkLst>
            <pc:docMk/>
            <pc:sldMasterMk cId="0" sldId="2147483658"/>
            <ac:spMk id="30" creationId="{00000000-0000-0000-0000-000000000000}"/>
          </ac:spMkLst>
        </pc:spChg>
      </pc:sldMaster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2945659" cy="498056"/>
          </a:xfrm>
          <a:prstGeom prst="rect">
            <a:avLst/>
          </a:prstGeom>
        </p:spPr>
        <p:txBody>
          <a:bodyPr vert="horz" lIns="91431" tIns="45715" rIns="91431" bIns="45715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50444" y="0"/>
            <a:ext cx="2945659" cy="498056"/>
          </a:xfrm>
          <a:prstGeom prst="rect">
            <a:avLst/>
          </a:prstGeom>
        </p:spPr>
        <p:txBody>
          <a:bodyPr vert="horz" lIns="91431" tIns="45715" rIns="91431" bIns="45715" rtlCol="0"/>
          <a:lstStyle>
            <a:lvl1pPr algn="r">
              <a:defRPr sz="1200"/>
            </a:lvl1pPr>
          </a:lstStyle>
          <a:p>
            <a:fld id="{5EB37F6E-3F01-4BBC-B4A3-B3DC3722EE80}" type="datetimeFigureOut">
              <a:rPr lang="de-DE" smtClean="0"/>
              <a:t>06.02.2024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31" tIns="45715" rIns="91431" bIns="45715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79768" y="4777194"/>
            <a:ext cx="5438140" cy="3908614"/>
          </a:xfrm>
          <a:prstGeom prst="rect">
            <a:avLst/>
          </a:prstGeom>
        </p:spPr>
        <p:txBody>
          <a:bodyPr vert="horz" lIns="91431" tIns="45715" rIns="91431" bIns="45715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1" y="9428584"/>
            <a:ext cx="2945659" cy="498055"/>
          </a:xfrm>
          <a:prstGeom prst="rect">
            <a:avLst/>
          </a:prstGeom>
        </p:spPr>
        <p:txBody>
          <a:bodyPr vert="horz" lIns="91431" tIns="45715" rIns="91431" bIns="45715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50444" y="9428584"/>
            <a:ext cx="2945659" cy="498055"/>
          </a:xfrm>
          <a:prstGeom prst="rect">
            <a:avLst/>
          </a:prstGeom>
        </p:spPr>
        <p:txBody>
          <a:bodyPr vert="horz" lIns="91431" tIns="45715" rIns="91431" bIns="45715" rtlCol="0" anchor="b"/>
          <a:lstStyle>
            <a:lvl1pPr algn="r">
              <a:defRPr sz="1200"/>
            </a:lvl1pPr>
          </a:lstStyle>
          <a:p>
            <a:fld id="{16671F8C-2E2D-4FC6-94D8-A10C72DF116F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5194705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https://www.overleaf.com/learn/latex/Using_colors_in_LaTeX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671F8C-2E2D-4FC6-94D8-A10C72DF116F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0584263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resentation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252413" y="2032000"/>
            <a:ext cx="11456987" cy="324513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8" name="Textplatzhalter 2"/>
          <p:cNvSpPr>
            <a:spLocks noGrp="1"/>
          </p:cNvSpPr>
          <p:nvPr>
            <p:ph type="body" sz="quarter" idx="14" hasCustomPrompt="1"/>
          </p:nvPr>
        </p:nvSpPr>
        <p:spPr>
          <a:xfrm>
            <a:off x="252413" y="6336756"/>
            <a:ext cx="11460434" cy="153888"/>
          </a:xfrm>
          <a:prstGeom prst="rect">
            <a:avLst/>
          </a:prstGeom>
        </p:spPr>
        <p:txBody>
          <a:bodyPr lIns="0" tIns="0" rIns="0" bIns="0" anchor="b" anchorCtr="0">
            <a:sp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000"/>
            </a:lvl1pPr>
          </a:lstStyle>
          <a:p>
            <a:pPr lvl="0"/>
            <a:r>
              <a:rPr lang="de-DE" sz="1000" dirty="0"/>
              <a:t>Source</a:t>
            </a:r>
            <a:endParaRPr lang="de-DE" dirty="0"/>
          </a:p>
        </p:txBody>
      </p:sp>
      <p:sp>
        <p:nvSpPr>
          <p:cNvPr id="9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A634293C-83F7-4094-BCAA-FCFF52E6610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with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1" name="Textplatzhalter 9">
            <a:extLst>
              <a:ext uri="{FF2B5EF4-FFF2-40B4-BE49-F238E27FC236}">
                <a16:creationId xmlns:a16="http://schemas.microsoft.com/office/drawing/2014/main" id="{88D6C5FE-E0CA-4C22-91F5-C685139960E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50867" y="2032000"/>
            <a:ext cx="11458533" cy="324513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add</a:t>
            </a:r>
            <a:r>
              <a:rPr lang="de-DE" dirty="0"/>
              <a:t> </a:t>
            </a:r>
            <a:r>
              <a:rPr lang="de-DE" dirty="0" err="1"/>
              <a:t>subtitle</a:t>
            </a:r>
            <a:endParaRPr lang="de-DE" dirty="0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C66A8A64-531F-4CAA-83A8-3B18068324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  <p:sp>
        <p:nvSpPr>
          <p:cNvPr id="16" name="Inhaltsplatzhalter 15">
            <a:extLst>
              <a:ext uri="{FF2B5EF4-FFF2-40B4-BE49-F238E27FC236}">
                <a16:creationId xmlns:a16="http://schemas.microsoft.com/office/drawing/2014/main" id="{6C05FAE4-1526-42D8-AB66-CF45DA831D51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252413" y="2500313"/>
            <a:ext cx="11456987" cy="396081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</p:spTree>
    <p:extLst>
      <p:ext uri="{BB962C8B-B14F-4D97-AF65-F5344CB8AC3E}">
        <p14:creationId xmlns:p14="http://schemas.microsoft.com/office/powerpoint/2010/main" val="15749428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B46E1DC-81FE-420E-8643-CF372DBFFE33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252000" y="2500313"/>
            <a:ext cx="11458800" cy="3960811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32EF1562-100D-4981-A231-E5A928A6079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76083999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s with Subtit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2268" y="2500313"/>
            <a:ext cx="5601600" cy="396081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</p:nvPr>
        </p:nvSpPr>
        <p:spPr>
          <a:xfrm>
            <a:off x="6107800" y="2500314"/>
            <a:ext cx="5601600" cy="396081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7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252267" y="2032000"/>
            <a:ext cx="5601600" cy="3240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600" b="1" u="none" baseline="0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8" name="Textplatzhalter 9"/>
          <p:cNvSpPr>
            <a:spLocks noGrp="1"/>
          </p:cNvSpPr>
          <p:nvPr>
            <p:ph type="body" sz="quarter" idx="15" hasCustomPrompt="1"/>
          </p:nvPr>
        </p:nvSpPr>
        <p:spPr>
          <a:xfrm>
            <a:off x="6109200" y="2032000"/>
            <a:ext cx="5601600" cy="3240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Click to add subtitle</a:t>
            </a:r>
          </a:p>
        </p:txBody>
      </p:sp>
      <p:sp>
        <p:nvSpPr>
          <p:cNvPr id="11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37E414BA-BAC7-4590-BB27-4959D81381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DE" dirty="0"/>
          </a:p>
        </p:txBody>
      </p:sp>
    </p:spTree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252268" y="2500314"/>
            <a:ext cx="5601600" cy="396081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</p:nvPr>
        </p:nvSpPr>
        <p:spPr>
          <a:xfrm>
            <a:off x="6107800" y="2500315"/>
            <a:ext cx="5601600" cy="39608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smtClean="0"/>
            </a:lvl1pPr>
            <a:lvl2pPr>
              <a:defRPr lang="en-US" smtClean="0"/>
            </a:lvl2pPr>
            <a:lvl3pPr>
              <a:defRPr lang="en-US" smtClean="0"/>
            </a:lvl3pPr>
            <a:lvl4pPr>
              <a:defRPr lang="en-US" smtClean="0"/>
            </a:lvl4pPr>
            <a:lvl5pPr>
              <a:defRPr lang="de-DE" dirty="0"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11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D6717109-0CF1-4361-B80E-6D5269B5F7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14174455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B46E1DC-81FE-420E-8643-CF372DBFFE33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252000" y="2031999"/>
            <a:ext cx="11458800" cy="4429126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CFEF5D5-39D3-4C03-B096-43ECFFC0CE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15748350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nly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90BB5EE-C30B-4749-A780-D945299958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64596781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Emp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3279793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Reference Line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" name="Gerader Verbinder 2"/>
          <p:cNvCxnSpPr/>
          <p:nvPr/>
        </p:nvCxnSpPr>
        <p:spPr>
          <a:xfrm>
            <a:off x="0" y="1493838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Gerader Verbinder 5"/>
          <p:cNvCxnSpPr/>
          <p:nvPr/>
        </p:nvCxnSpPr>
        <p:spPr>
          <a:xfrm>
            <a:off x="6108966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Gerader Verbinder 8"/>
          <p:cNvCxnSpPr/>
          <p:nvPr/>
        </p:nvCxnSpPr>
        <p:spPr>
          <a:xfrm>
            <a:off x="0" y="2032000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Gerader Verbinder 10"/>
          <p:cNvCxnSpPr/>
          <p:nvPr/>
        </p:nvCxnSpPr>
        <p:spPr>
          <a:xfrm>
            <a:off x="0" y="2500313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Gerader Verbinder 12"/>
          <p:cNvCxnSpPr/>
          <p:nvPr/>
        </p:nvCxnSpPr>
        <p:spPr>
          <a:xfrm>
            <a:off x="0" y="6460310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Gerader Verbinder 7"/>
          <p:cNvCxnSpPr/>
          <p:nvPr/>
        </p:nvCxnSpPr>
        <p:spPr>
          <a:xfrm>
            <a:off x="11712308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cxnSp>
        <p:nvCxnSpPr>
          <p:cNvPr id="10" name="Gerader Verbinder 9">
            <a:extLst>
              <a:ext uri="{FF2B5EF4-FFF2-40B4-BE49-F238E27FC236}">
                <a16:creationId xmlns:a16="http://schemas.microsoft.com/office/drawing/2014/main" id="{AF6A2680-4166-429E-9EDF-EE866C64DD04}"/>
              </a:ext>
            </a:extLst>
          </p:cNvPr>
          <p:cNvCxnSpPr/>
          <p:nvPr/>
        </p:nvCxnSpPr>
        <p:spPr>
          <a:xfrm>
            <a:off x="0" y="1348907"/>
            <a:ext cx="11963400" cy="0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419B3198-1786-4F04-946D-9E972CB7C513}"/>
              </a:ext>
            </a:extLst>
          </p:cNvPr>
          <p:cNvCxnSpPr/>
          <p:nvPr/>
        </p:nvCxnSpPr>
        <p:spPr>
          <a:xfrm>
            <a:off x="5856554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r Verbinder 14">
            <a:extLst>
              <a:ext uri="{FF2B5EF4-FFF2-40B4-BE49-F238E27FC236}">
                <a16:creationId xmlns:a16="http://schemas.microsoft.com/office/drawing/2014/main" id="{6AEAE687-A5BC-4C36-9FDE-F49F0DB9AD08}"/>
              </a:ext>
            </a:extLst>
          </p:cNvPr>
          <p:cNvCxnSpPr/>
          <p:nvPr/>
        </p:nvCxnSpPr>
        <p:spPr>
          <a:xfrm>
            <a:off x="252679" y="1"/>
            <a:ext cx="0" cy="6729413"/>
          </a:xfrm>
          <a:prstGeom prst="line">
            <a:avLst/>
          </a:prstGeom>
          <a:ln w="6350"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4593853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ags" Target="../tags/tag3.xml"/><Relationship Id="rId18" Type="http://schemas.openxmlformats.org/officeDocument/2006/relationships/image" Target="../media/image2.sv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ags" Target="../tags/tag2.xml"/><Relationship Id="rId17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ags" Target="../tags/tag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3" name="Gerade Verbindung 7"/>
          <p:cNvCxnSpPr/>
          <p:nvPr/>
        </p:nvCxnSpPr>
        <p:spPr>
          <a:xfrm flipV="1">
            <a:off x="250981" y="6530400"/>
            <a:ext cx="11461328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 Verbindung 7"/>
          <p:cNvCxnSpPr/>
          <p:nvPr/>
        </p:nvCxnSpPr>
        <p:spPr>
          <a:xfrm flipV="1">
            <a:off x="250396" y="1276474"/>
            <a:ext cx="11461913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Slide Number Placeholder 20"/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FESTO_NAME"/>
          <p:cNvSpPr txBox="1"/>
          <p:nvPr>
            <p:custDataLst>
              <p:tags r:id="rId11"/>
            </p:custDataLst>
          </p:nvPr>
        </p:nvSpPr>
        <p:spPr>
          <a:xfrm>
            <a:off x="252000" y="6566400"/>
            <a:ext cx="18576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sz="700" baseline="0">
                <a:latin typeface="+mn-lt"/>
              </a:rPr>
              <a:t>BC-DS / Rainer Nitsche</a:t>
            </a:r>
            <a:endParaRPr lang="de-DE" sz="700" dirty="0">
              <a:latin typeface="+mn-lt"/>
            </a:endParaRPr>
          </a:p>
        </p:txBody>
      </p:sp>
      <p:sp>
        <p:nvSpPr>
          <p:cNvPr id="25" name="FESTO_TITEL"/>
          <p:cNvSpPr txBox="1"/>
          <p:nvPr>
            <p:custDataLst>
              <p:tags r:id="rId12"/>
            </p:custDataLst>
          </p:nvPr>
        </p:nvSpPr>
        <p:spPr>
          <a:xfrm>
            <a:off x="2161221" y="6566400"/>
            <a:ext cx="38196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indent="0" algn="l" defTabSz="914316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700" kern="1200">
                <a:solidFill>
                  <a:schemeClr val="tx1"/>
                </a:solidFill>
                <a:latin typeface="MetaPlusLF" pitchFamily="34" charset="0"/>
                <a:ea typeface="+mn-ea"/>
                <a:cs typeface="+mn-cs"/>
              </a:rPr>
              <a:t>RSD_24001 FFT on dSpace</a:t>
            </a:r>
            <a:endParaRPr lang="de-DE" sz="700" kern="1200">
              <a:solidFill>
                <a:schemeClr val="tx1"/>
              </a:solidFill>
              <a:latin typeface="MetaPlusLF" pitchFamily="34" charset="0"/>
              <a:ea typeface="+mn-ea"/>
              <a:cs typeface="+mn-cs"/>
            </a:endParaRPr>
          </a:p>
        </p:txBody>
      </p:sp>
      <p:sp>
        <p:nvSpPr>
          <p:cNvPr id="26" name="FESTO_ERSTELLT"/>
          <p:cNvSpPr txBox="1"/>
          <p:nvPr>
            <p:custDataLst>
              <p:tags r:id="rId13"/>
            </p:custDataLst>
          </p:nvPr>
        </p:nvSpPr>
        <p:spPr>
          <a:xfrm>
            <a:off x="6102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e-DE" sz="700">
                <a:latin typeface="+mn-lt"/>
              </a:rPr>
              <a:t>Created: 2/6/2024</a:t>
            </a:r>
            <a:endParaRPr lang="de-DE" sz="700" dirty="0">
              <a:latin typeface="+mn-lt"/>
            </a:endParaRPr>
          </a:p>
        </p:txBody>
      </p:sp>
      <p:sp>
        <p:nvSpPr>
          <p:cNvPr id="28" name="FESTO_GEAENDERT"/>
          <p:cNvSpPr txBox="1"/>
          <p:nvPr>
            <p:custDataLst>
              <p:tags r:id="rId14"/>
            </p:custDataLst>
          </p:nvPr>
        </p:nvSpPr>
        <p:spPr>
          <a:xfrm>
            <a:off x="7434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endParaRPr lang="de-DE" sz="700" dirty="0">
              <a:latin typeface="+mn-lt"/>
            </a:endParaRPr>
          </a:p>
        </p:txBody>
      </p:sp>
      <p:sp>
        <p:nvSpPr>
          <p:cNvPr id="29" name="FESTO_STATUS1"/>
          <p:cNvSpPr txBox="1"/>
          <p:nvPr>
            <p:custDataLst>
              <p:tags r:id="rId15"/>
            </p:custDataLst>
          </p:nvPr>
        </p:nvSpPr>
        <p:spPr>
          <a:xfrm>
            <a:off x="8766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e-DE" sz="700">
                <a:latin typeface="+mn-lt"/>
              </a:rPr>
              <a:t> </a:t>
            </a:r>
            <a:endParaRPr lang="de-DE" sz="700" dirty="0">
              <a:latin typeface="+mn-lt"/>
            </a:endParaRPr>
          </a:p>
        </p:txBody>
      </p:sp>
      <p:sp>
        <p:nvSpPr>
          <p:cNvPr id="30" name="FESTO_VERTRAULICH1"/>
          <p:cNvSpPr txBox="1"/>
          <p:nvPr>
            <p:custDataLst>
              <p:tags r:id="rId16"/>
            </p:custDataLst>
          </p:nvPr>
        </p:nvSpPr>
        <p:spPr>
          <a:xfrm>
            <a:off x="100944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e-DE" sz="700">
                <a:latin typeface="+mn-lt"/>
              </a:rPr>
              <a:t>Strictly confidential</a:t>
            </a:r>
            <a:endParaRPr lang="de-DE" sz="700" dirty="0">
              <a:latin typeface="+mn-lt"/>
            </a:endParaRPr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B788807-16F6-4161-A8B7-864B2F19D62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52414" y="1493836"/>
            <a:ext cx="11456986" cy="39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e-DE" dirty="0"/>
              <a:t>Mastertitelformat bearbeiten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C8B9E07-4336-4A1F-B705-5E6B291144E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252413" y="2500313"/>
            <a:ext cx="11458387" cy="396080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GB" dirty="0"/>
          </a:p>
        </p:txBody>
      </p:sp>
      <p:pic>
        <p:nvPicPr>
          <p:cNvPr id="17" name="Grafik 16">
            <a:extLst>
              <a:ext uri="{FF2B5EF4-FFF2-40B4-BE49-F238E27FC236}">
                <a16:creationId xmlns:a16="http://schemas.microsoft.com/office/drawing/2014/main" id="{C09E0ED1-7F86-47FB-B5E5-93C4F1C7FEDD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10962895" y="1006699"/>
            <a:ext cx="756000" cy="1326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93" r:id="rId2"/>
    <p:sldLayoutId id="2147483694" r:id="rId3"/>
    <p:sldLayoutId id="2147483663" r:id="rId4"/>
    <p:sldLayoutId id="2147483699" r:id="rId5"/>
    <p:sldLayoutId id="2147483698" r:id="rId6"/>
    <p:sldLayoutId id="2147483679" r:id="rId7"/>
    <p:sldLayoutId id="2147483696" r:id="rId8"/>
    <p:sldLayoutId id="2147483697" r:id="rId9"/>
  </p:sldLayoutIdLst>
  <p:hf hdr="0" ftr="0" dt="0"/>
  <p:txStyles>
    <p:titleStyle>
      <a:lvl1pPr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defRPr sz="2100" b="1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9pPr>
    </p:titleStyle>
    <p:bodyStyle>
      <a:lvl1pPr marL="18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72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900000" indent="-180000" algn="l" rtl="0" eaLnBrk="1" fontAlgn="base" hangingPunct="1">
        <a:lnSpc>
          <a:spcPct val="100000"/>
        </a:lnSpc>
        <a:spcBef>
          <a:spcPts val="6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9" orient="horz" pos="4070">
          <p15:clr>
            <a:srgbClr val="F26B43"/>
          </p15:clr>
        </p15:guide>
        <p15:guide id="11" orient="horz" pos="940">
          <p15:clr>
            <a:srgbClr val="F26B43"/>
          </p15:clr>
        </p15:guide>
        <p15:guide id="12" orient="horz" pos="1280">
          <p15:clr>
            <a:srgbClr val="F26B43"/>
          </p15:clr>
        </p15:guide>
        <p15:guide id="14" orient="horz" pos="1575">
          <p15:clr>
            <a:srgbClr val="F26B43"/>
          </p15:clr>
        </p15:guide>
        <p15:guide id="25" pos="7376">
          <p15:clr>
            <a:srgbClr val="F26B43"/>
          </p15:clr>
        </p15:guide>
        <p15:guide id="26" pos="159">
          <p15:clr>
            <a:srgbClr val="F26B43"/>
          </p15:clr>
        </p15:guide>
        <p15:guide id="27" orient="horz" pos="849">
          <p15:clr>
            <a:srgbClr val="F26B43"/>
          </p15:clr>
        </p15:guide>
        <p15:guide id="28" pos="3689">
          <p15:clr>
            <a:srgbClr val="F26B43"/>
          </p15:clr>
        </p15:guide>
        <p15:guide id="29" pos="3848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5.png"/><Relationship Id="rId13" Type="http://schemas.openxmlformats.org/officeDocument/2006/relationships/image" Target="../media/image10.png"/><Relationship Id="rId3" Type="http://schemas.openxmlformats.org/officeDocument/2006/relationships/tags" Target="../tags/tag9.xml"/><Relationship Id="rId7" Type="http://schemas.openxmlformats.org/officeDocument/2006/relationships/image" Target="../media/image4.png"/><Relationship Id="rId12" Type="http://schemas.openxmlformats.org/officeDocument/2006/relationships/image" Target="../media/image9.png"/><Relationship Id="rId2" Type="http://schemas.openxmlformats.org/officeDocument/2006/relationships/tags" Target="../tags/tag8.xml"/><Relationship Id="rId1" Type="http://schemas.openxmlformats.org/officeDocument/2006/relationships/tags" Target="../tags/tag7.xml"/><Relationship Id="rId6" Type="http://schemas.openxmlformats.org/officeDocument/2006/relationships/slideLayout" Target="../slideLayouts/slideLayout2.xml"/><Relationship Id="rId11" Type="http://schemas.openxmlformats.org/officeDocument/2006/relationships/image" Target="../media/image8.png"/><Relationship Id="rId5" Type="http://schemas.openxmlformats.org/officeDocument/2006/relationships/tags" Target="../tags/tag11.xml"/><Relationship Id="rId10" Type="http://schemas.openxmlformats.org/officeDocument/2006/relationships/image" Target="../media/image7.png"/><Relationship Id="rId4" Type="http://schemas.openxmlformats.org/officeDocument/2006/relationships/tags" Target="../tags/tag10.xml"/><Relationship Id="rId9" Type="http://schemas.openxmlformats.org/officeDocument/2006/relationships/image" Target="../media/image6.png"/><Relationship Id="rId14" Type="http://schemas.openxmlformats.org/officeDocument/2006/relationships/image" Target="../media/image11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13.xml"/><Relationship Id="rId1" Type="http://schemas.openxmlformats.org/officeDocument/2006/relationships/tags" Target="../tags/tag12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notesSlide" Target="../notesSlides/notesSlide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27205FBF-B121-7275-BB07-E12B436CE7A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1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7704DED4-3494-5424-4510-FEAB7C78DAD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pPr algn="ctr"/>
            <a:r>
              <a:rPr lang="de-DE" dirty="0"/>
              <a:t>Rainer Nitsche – 02/2024</a:t>
            </a:r>
          </a:p>
          <a:p>
            <a:pPr algn="ctr"/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D5F25300-1E2A-6827-75FF-725423E5E9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e-DE" dirty="0" err="1"/>
              <a:t>How-to</a:t>
            </a:r>
            <a:r>
              <a:rPr lang="de-DE" dirty="0"/>
              <a:t> Implement a DFT on a Real-Time System</a:t>
            </a:r>
          </a:p>
        </p:txBody>
      </p:sp>
      <p:pic>
        <p:nvPicPr>
          <p:cNvPr id="7" name="Inhaltsplatzhalter 6" descr="Ein Bild, das Entwurf, Reihe, Text, Diagramm enthält.&#10;&#10;Automatisch generierte Beschreibung">
            <a:extLst>
              <a:ext uri="{FF2B5EF4-FFF2-40B4-BE49-F238E27FC236}">
                <a16:creationId xmlns:a16="http://schemas.microsoft.com/office/drawing/2014/main" id="{77805399-0A93-B71E-E40C-08DC45313305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15887" y="2356513"/>
            <a:ext cx="4934732" cy="3454313"/>
          </a:xfrm>
        </p:spPr>
      </p:pic>
      <p:sp>
        <p:nvSpPr>
          <p:cNvPr id="8" name="Textfeld 7">
            <a:extLst>
              <a:ext uri="{FF2B5EF4-FFF2-40B4-BE49-F238E27FC236}">
                <a16:creationId xmlns:a16="http://schemas.microsoft.com/office/drawing/2014/main" id="{011285A8-6BA5-861C-5B43-17ADD1F28257}"/>
              </a:ext>
            </a:extLst>
          </p:cNvPr>
          <p:cNvSpPr txBox="1"/>
          <p:nvPr/>
        </p:nvSpPr>
        <p:spPr>
          <a:xfrm>
            <a:off x="250867" y="6071879"/>
            <a:ext cx="2664640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400" b="1" dirty="0" err="1"/>
              <a:t>Discrete</a:t>
            </a:r>
            <a:r>
              <a:rPr lang="de-DE" sz="1400" b="1" dirty="0"/>
              <a:t> Fourier Transform – DFT</a:t>
            </a:r>
          </a:p>
        </p:txBody>
      </p:sp>
    </p:spTree>
    <p:extLst>
      <p:ext uri="{BB962C8B-B14F-4D97-AF65-F5344CB8AC3E}">
        <p14:creationId xmlns:p14="http://schemas.microsoft.com/office/powerpoint/2010/main" val="15990586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Textfeld 40">
            <a:extLst>
              <a:ext uri="{FF2B5EF4-FFF2-40B4-BE49-F238E27FC236}">
                <a16:creationId xmlns:a16="http://schemas.microsoft.com/office/drawing/2014/main" id="{05F2B298-3CE3-90B0-0D37-2AD05EE91269}"/>
              </a:ext>
            </a:extLst>
          </p:cNvPr>
          <p:cNvSpPr txBox="1"/>
          <p:nvPr/>
        </p:nvSpPr>
        <p:spPr>
          <a:xfrm>
            <a:off x="188513" y="2276519"/>
            <a:ext cx="10137583" cy="135421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Analyzing a time domain signal in the frequency domain ⇝ Fourier Transform</a:t>
            </a:r>
            <a:br>
              <a:rPr lang="en-US" sz="1600" dirty="0">
                <a:latin typeface="+mn-lt"/>
              </a:rPr>
            </a:br>
            <a:endParaRPr lang="en-US" sz="1600" dirty="0"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>
                <a:latin typeface="+mn-lt"/>
              </a:rPr>
              <a:t>The fast Fourier transform (FFT) is an efficient method to numerically compute a discrete Fourier transform (DFT)</a:t>
            </a:r>
            <a:br>
              <a:rPr lang="de-DE" sz="1600" dirty="0">
                <a:latin typeface="+mn-lt"/>
              </a:rPr>
            </a:br>
            <a:endParaRPr lang="de-DE" sz="1600" dirty="0"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e-DE" u="sng" dirty="0" err="1">
                <a:latin typeface="+mn-lt"/>
              </a:rPr>
              <a:t>Example</a:t>
            </a:r>
            <a:endParaRPr lang="de-DE" u="sng" dirty="0">
              <a:latin typeface="+mn-lt"/>
            </a:endParaRPr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CB58DC10-CD16-F6EA-79F4-C14D2D3670E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2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DE6F6B1C-BB8E-8CE1-DC5D-9B107569CEAB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250868" y="2032000"/>
            <a:ext cx="7093900" cy="324513"/>
          </a:xfrm>
        </p:spPr>
        <p:txBody>
          <a:bodyPr/>
          <a:lstStyle/>
          <a:p>
            <a:endParaRPr lang="de-DE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D0BA69E1-4BCD-2F7C-E994-BC96FB4B7A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Objectives</a:t>
            </a:r>
            <a:endParaRPr lang="de-DE" dirty="0"/>
          </a:p>
        </p:txBody>
      </p:sp>
      <p:pic>
        <p:nvPicPr>
          <p:cNvPr id="53" name="Grafik 52">
            <a:extLst>
              <a:ext uri="{FF2B5EF4-FFF2-40B4-BE49-F238E27FC236}">
                <a16:creationId xmlns:a16="http://schemas.microsoft.com/office/drawing/2014/main" id="{E96B35C7-DAD3-7B63-3C66-FC8B480402E3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902" y="3853883"/>
            <a:ext cx="2778114" cy="204342"/>
          </a:xfrm>
          <a:prstGeom prst="rect">
            <a:avLst/>
          </a:prstGeom>
        </p:spPr>
      </p:pic>
      <p:pic>
        <p:nvPicPr>
          <p:cNvPr id="66" name="Grafik 65">
            <a:extLst>
              <a:ext uri="{FF2B5EF4-FFF2-40B4-BE49-F238E27FC236}">
                <a16:creationId xmlns:a16="http://schemas.microsoft.com/office/drawing/2014/main" id="{F67CD0D1-B14A-8FFC-A47A-B9425993066C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903" y="4818864"/>
            <a:ext cx="1338751" cy="1092058"/>
          </a:xfrm>
          <a:prstGeom prst="rect">
            <a:avLst/>
          </a:prstGeom>
        </p:spPr>
      </p:pic>
      <p:sp>
        <p:nvSpPr>
          <p:cNvPr id="28" name="Textfeld 27">
            <a:extLst>
              <a:ext uri="{FF2B5EF4-FFF2-40B4-BE49-F238E27FC236}">
                <a16:creationId xmlns:a16="http://schemas.microsoft.com/office/drawing/2014/main" id="{9E9FDC0D-0B01-D61A-5EA6-A90E2649FFC4}"/>
              </a:ext>
            </a:extLst>
          </p:cNvPr>
          <p:cNvSpPr txBox="1"/>
          <p:nvPr/>
        </p:nvSpPr>
        <p:spPr>
          <a:xfrm>
            <a:off x="414440" y="4480312"/>
            <a:ext cx="125277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b="1" u="sng" dirty="0">
                <a:latin typeface="+mn-lt"/>
              </a:rPr>
              <a:t>Parameters</a:t>
            </a:r>
            <a:r>
              <a:rPr lang="de-DE" sz="1600" dirty="0">
                <a:latin typeface="+mn-lt"/>
              </a:rPr>
              <a:t>:</a:t>
            </a:r>
          </a:p>
        </p:txBody>
      </p:sp>
      <p:pic>
        <p:nvPicPr>
          <p:cNvPr id="48" name="Grafik 47">
            <a:extLst>
              <a:ext uri="{FF2B5EF4-FFF2-40B4-BE49-F238E27FC236}">
                <a16:creationId xmlns:a16="http://schemas.microsoft.com/office/drawing/2014/main" id="{7EA562A7-AAC1-1DA7-110B-5633C10F03AB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9902" y="6298312"/>
            <a:ext cx="1316282" cy="156117"/>
          </a:xfrm>
          <a:prstGeom prst="rect">
            <a:avLst/>
          </a:prstGeom>
        </p:spPr>
      </p:pic>
      <p:pic>
        <p:nvPicPr>
          <p:cNvPr id="55" name="Grafik 54">
            <a:extLst>
              <a:ext uri="{FF2B5EF4-FFF2-40B4-BE49-F238E27FC236}">
                <a16:creationId xmlns:a16="http://schemas.microsoft.com/office/drawing/2014/main" id="{218E9783-40B5-5A73-1477-44706DBBE23D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3831322" y="3141198"/>
            <a:ext cx="4300756" cy="3195608"/>
          </a:xfrm>
          <a:prstGeom prst="rect">
            <a:avLst/>
          </a:prstGeom>
        </p:spPr>
      </p:pic>
      <p:pic>
        <p:nvPicPr>
          <p:cNvPr id="59" name="Grafik 58">
            <a:extLst>
              <a:ext uri="{FF2B5EF4-FFF2-40B4-BE49-F238E27FC236}">
                <a16:creationId xmlns:a16="http://schemas.microsoft.com/office/drawing/2014/main" id="{15C81086-FA55-C96B-1A03-21118035DDE3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9470178" y="4769123"/>
            <a:ext cx="2239222" cy="1584089"/>
          </a:xfrm>
          <a:prstGeom prst="rect">
            <a:avLst/>
          </a:prstGeom>
        </p:spPr>
      </p:pic>
      <p:sp>
        <p:nvSpPr>
          <p:cNvPr id="60" name="Bogen 59">
            <a:extLst>
              <a:ext uri="{FF2B5EF4-FFF2-40B4-BE49-F238E27FC236}">
                <a16:creationId xmlns:a16="http://schemas.microsoft.com/office/drawing/2014/main" id="{6796D24A-946B-2F81-0F20-B2FFA0C434B2}"/>
              </a:ext>
            </a:extLst>
          </p:cNvPr>
          <p:cNvSpPr/>
          <p:nvPr/>
        </p:nvSpPr>
        <p:spPr>
          <a:xfrm rot="21034782">
            <a:off x="1677056" y="3497378"/>
            <a:ext cx="2479698" cy="324513"/>
          </a:xfrm>
          <a:prstGeom prst="arc">
            <a:avLst>
              <a:gd name="adj1" fmla="val 10934930"/>
              <a:gd name="adj2" fmla="val 21413567"/>
            </a:avLst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1" name="Bogen 60">
            <a:extLst>
              <a:ext uri="{FF2B5EF4-FFF2-40B4-BE49-F238E27FC236}">
                <a16:creationId xmlns:a16="http://schemas.microsoft.com/office/drawing/2014/main" id="{EE081861-1783-B023-E1BA-B50772CE10A3}"/>
              </a:ext>
            </a:extLst>
          </p:cNvPr>
          <p:cNvSpPr/>
          <p:nvPr/>
        </p:nvSpPr>
        <p:spPr>
          <a:xfrm rot="12900365">
            <a:off x="2654200" y="4367129"/>
            <a:ext cx="1856314" cy="212304"/>
          </a:xfrm>
          <a:prstGeom prst="arc">
            <a:avLst>
              <a:gd name="adj1" fmla="val 10934930"/>
              <a:gd name="adj2" fmla="val 21413567"/>
            </a:avLst>
          </a:prstGeom>
          <a:ln>
            <a:solidFill>
              <a:schemeClr val="tx2"/>
            </a:solidFill>
            <a:headEnd type="triangl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63" name="Gerade Verbindung mit Pfeil 62">
            <a:extLst>
              <a:ext uri="{FF2B5EF4-FFF2-40B4-BE49-F238E27FC236}">
                <a16:creationId xmlns:a16="http://schemas.microsoft.com/office/drawing/2014/main" id="{C65E02E0-0AC4-F101-F8C5-203B756D29E1}"/>
              </a:ext>
            </a:extLst>
          </p:cNvPr>
          <p:cNvCxnSpPr/>
          <p:nvPr/>
        </p:nvCxnSpPr>
        <p:spPr>
          <a:xfrm>
            <a:off x="881508" y="4022636"/>
            <a:ext cx="3144483" cy="1397980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Textfeld 66">
            <a:extLst>
              <a:ext uri="{FF2B5EF4-FFF2-40B4-BE49-F238E27FC236}">
                <a16:creationId xmlns:a16="http://schemas.microsoft.com/office/drawing/2014/main" id="{6817B3F4-E95A-A859-DAB7-E6C389FCAFEE}"/>
              </a:ext>
            </a:extLst>
          </p:cNvPr>
          <p:cNvSpPr txBox="1"/>
          <p:nvPr/>
        </p:nvSpPr>
        <p:spPr>
          <a:xfrm>
            <a:off x="6568402" y="6227846"/>
            <a:ext cx="77636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600" dirty="0">
                <a:latin typeface="+mn-lt"/>
              </a:rPr>
              <a:t>Time -&gt;</a:t>
            </a:r>
          </a:p>
        </p:txBody>
      </p:sp>
      <p:pic>
        <p:nvPicPr>
          <p:cNvPr id="74" name="Grafik 73">
            <a:extLst>
              <a:ext uri="{FF2B5EF4-FFF2-40B4-BE49-F238E27FC236}">
                <a16:creationId xmlns:a16="http://schemas.microsoft.com/office/drawing/2014/main" id="{5527BC91-35BD-7BB5-AA07-34AE019D8A73}"/>
              </a:ext>
            </a:extLst>
          </p:cNvPr>
          <p:cNvPicPr>
            <a:picLocks noChangeAspect="1"/>
          </p:cNvPicPr>
          <p:nvPr/>
        </p:nvPicPr>
        <p:blipFill rotWithShape="1">
          <a:blip r:embed="rId12"/>
          <a:srcRect l="20940"/>
          <a:stretch/>
        </p:blipFill>
        <p:spPr>
          <a:xfrm>
            <a:off x="8132078" y="5437087"/>
            <a:ext cx="1247156" cy="662997"/>
          </a:xfrm>
          <a:prstGeom prst="rect">
            <a:avLst/>
          </a:prstGeom>
        </p:spPr>
      </p:pic>
      <p:pic>
        <p:nvPicPr>
          <p:cNvPr id="76" name="Grafik 75">
            <a:extLst>
              <a:ext uri="{FF2B5EF4-FFF2-40B4-BE49-F238E27FC236}">
                <a16:creationId xmlns:a16="http://schemas.microsoft.com/office/drawing/2014/main" id="{8C1B40E3-06E0-CBB1-A98B-E7F86E29AD2A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79326" y="5446482"/>
            <a:ext cx="552659" cy="94742"/>
          </a:xfrm>
          <a:prstGeom prst="rect">
            <a:avLst/>
          </a:prstGeom>
        </p:spPr>
      </p:pic>
      <p:pic>
        <p:nvPicPr>
          <p:cNvPr id="85" name="Grafik 84">
            <a:extLst>
              <a:ext uri="{FF2B5EF4-FFF2-40B4-BE49-F238E27FC236}">
                <a16:creationId xmlns:a16="http://schemas.microsoft.com/office/drawing/2014/main" id="{5C23465F-BEE5-6F54-9E45-29958C67276A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31985" y="4356091"/>
            <a:ext cx="2757996" cy="3556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968590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D55F6EE7-23AE-FD18-618D-C943856F0D9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3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B47D7673-D09F-1A5D-D4A5-6688AA39275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4421EB11-5B7C-B269-783E-79E5731BA4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 </a:t>
            </a:r>
            <a:r>
              <a:rPr lang="de-DE" dirty="0">
                <a:solidFill>
                  <a:schemeClr val="accent4"/>
                </a:solidFill>
              </a:rPr>
              <a:t>|</a:t>
            </a:r>
            <a:r>
              <a:rPr lang="de-DE" dirty="0"/>
              <a:t> </a:t>
            </a:r>
            <a:r>
              <a:rPr lang="de-DE" dirty="0" err="1"/>
              <a:t>Discrete</a:t>
            </a:r>
            <a:r>
              <a:rPr lang="de-DE" dirty="0"/>
              <a:t> Fourier Transform (DFT)</a:t>
            </a:r>
          </a:p>
        </p:txBody>
      </p:sp>
      <p:pic>
        <p:nvPicPr>
          <p:cNvPr id="26" name="Grafik 25">
            <a:extLst>
              <a:ext uri="{FF2B5EF4-FFF2-40B4-BE49-F238E27FC236}">
                <a16:creationId xmlns:a16="http://schemas.microsoft.com/office/drawing/2014/main" id="{5A0F5273-2F76-A279-DE4F-6B1755DC8EC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8106" y="2498677"/>
            <a:ext cx="3962996" cy="680487"/>
          </a:xfrm>
          <a:prstGeom prst="rect">
            <a:avLst/>
          </a:prstGeom>
        </p:spPr>
      </p:pic>
      <p:pic>
        <p:nvPicPr>
          <p:cNvPr id="22" name="Grafik 21">
            <a:extLst>
              <a:ext uri="{FF2B5EF4-FFF2-40B4-BE49-F238E27FC236}">
                <a16:creationId xmlns:a16="http://schemas.microsoft.com/office/drawing/2014/main" id="{2425CA88-714B-2E5B-1003-F8E4897C75A4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49227" y="3249176"/>
            <a:ext cx="2021521" cy="2310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1816394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F0EEF1F1-4276-72B5-F85F-36C8849B744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EA182149-5FEE-46AB-9490-B3CD4011A729}" type="slidenum">
              <a:rPr lang="en-GB" smtClean="0"/>
              <a:pPr/>
              <a:t>4</a:t>
            </a:fld>
            <a:endParaRPr lang="en-GB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2FF5A096-3D27-60AC-C78E-B30274D6F21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8A3CFA4B-5FC1-0ACF-20B2-C41C01C25F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FFT in Real-Time</a:t>
            </a:r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45591141-1A3C-7ED3-3547-94480C46D132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e-DE" dirty="0"/>
              <a:t>Link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video</a:t>
            </a:r>
            <a:r>
              <a:rPr lang="de-DE" dirty="0"/>
              <a:t>: Steve </a:t>
            </a:r>
            <a:r>
              <a:rPr lang="de-DE" dirty="0" err="1"/>
              <a:t>Brunton</a:t>
            </a:r>
            <a:r>
              <a:rPr lang="de-DE" dirty="0"/>
              <a:t> / </a:t>
            </a:r>
            <a:r>
              <a:rPr lang="de-DE" dirty="0" err="1"/>
              <a:t>Matlab</a:t>
            </a:r>
            <a:endParaRPr lang="de-DE" dirty="0"/>
          </a:p>
          <a:p>
            <a:r>
              <a:rPr lang="de-DE" dirty="0"/>
              <a:t>Simulink Implementation</a:t>
            </a:r>
          </a:p>
          <a:p>
            <a:r>
              <a:rPr lang="de-DE" dirty="0" err="1"/>
              <a:t>Plotting</a:t>
            </a:r>
            <a:r>
              <a:rPr lang="de-DE" dirty="0"/>
              <a:t> </a:t>
            </a:r>
            <a:r>
              <a:rPr lang="de-DE" dirty="0" err="1"/>
              <a:t>resutls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simulation</a:t>
            </a:r>
            <a:r>
              <a:rPr lang="de-DE" dirty="0"/>
              <a:t> and </a:t>
            </a:r>
            <a:r>
              <a:rPr lang="de-DE" dirty="0" err="1"/>
              <a:t>data</a:t>
            </a:r>
            <a:r>
              <a:rPr lang="de-DE" dirty="0"/>
              <a:t> </a:t>
            </a:r>
            <a:r>
              <a:rPr lang="de-DE" dirty="0" err="1"/>
              <a:t>capture</a:t>
            </a:r>
            <a:r>
              <a:rPr lang="de-DE" dirty="0"/>
              <a:t>…</a:t>
            </a:r>
          </a:p>
          <a:p>
            <a:r>
              <a:rPr lang="de-DE" dirty="0" err="1"/>
              <a:t>How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chose</a:t>
            </a:r>
            <a:r>
              <a:rPr lang="de-DE" dirty="0"/>
              <a:t>:</a:t>
            </a:r>
          </a:p>
          <a:p>
            <a:pPr lvl="1"/>
            <a:r>
              <a:rPr lang="de-DE" dirty="0"/>
              <a:t>Sample Time </a:t>
            </a:r>
            <a:r>
              <a:rPr lang="de-DE" dirty="0" err="1"/>
              <a:t>Ts</a:t>
            </a:r>
            <a:endParaRPr lang="de-DE" dirty="0"/>
          </a:p>
          <a:p>
            <a:pPr lvl="1"/>
            <a:r>
              <a:rPr lang="de-DE" dirty="0" err="1"/>
              <a:t>Number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samples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FFT : 2^N</a:t>
            </a:r>
          </a:p>
          <a:p>
            <a:pPr lvl="1"/>
            <a:r>
              <a:rPr lang="de-DE" dirty="0" err="1"/>
              <a:t>Bid</a:t>
            </a:r>
            <a:r>
              <a:rPr lang="de-DE" dirty="0"/>
              <a:t> Width (Frequenzauflösung)</a:t>
            </a:r>
          </a:p>
          <a:p>
            <a:pPr lvl="1"/>
            <a:r>
              <a:rPr lang="de-DE" dirty="0" err="1"/>
              <a:t>Nyquist</a:t>
            </a:r>
            <a:r>
              <a:rPr lang="de-DE" dirty="0"/>
              <a:t> </a:t>
            </a:r>
            <a:r>
              <a:rPr lang="de-DE" dirty="0" err="1"/>
              <a:t>Frequency</a:t>
            </a:r>
            <a:endParaRPr lang="de-DE" dirty="0"/>
          </a:p>
          <a:p>
            <a:pPr lvl="1"/>
            <a:r>
              <a:rPr lang="de-DE" dirty="0" err="1"/>
              <a:t>Leackage</a:t>
            </a:r>
            <a:r>
              <a:rPr lang="de-DE" dirty="0"/>
              <a:t> </a:t>
            </a:r>
            <a:r>
              <a:rPr lang="de-DE" dirty="0" err="1"/>
              <a:t>effect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51764778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ontactperson&quot;,&quot;Department&quot;) &amp; &quot;\&quot; &amp; MasterProperty(&quot;Contactperson&quot;,&quot;Displayname&quot;)]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03,4871"/>
  <p:tag name="ORIGINALWIDTH" val="603,6746"/>
  <p:tag name="LATEXADDIN" val="\documentclass{article}&#10;\usepackage{amsmath}&#10;\pagestyle{empty}&#10;\usepackage{xcolor}&#10;\usepackage{latexsym}&#10;\usepackage{utilslide}&#10;\usepackage{units}&#10;\begin{document}&#10;&#10;&#10;$ \ind{T}{s}= 1 \unit{msec} $&#10;&#10;&#10;&#10;&#10;\end{document}"/>
  <p:tag name="IGUANATEXSIZE" val="16"/>
  <p:tag name="IGUANATEXCURSOR" val="145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04,462"/>
  <p:tag name="ORIGINALWIDTH" val="2378,703"/>
  <p:tag name="LATEXADDIN" val="\documentclass{article}&#10;\usepackage{amsmath}&#10;\pagestyle{empty}&#10;\usepackage{xcolor}&#10;\usepackage{latexsym}&#10;\usepackage{utilslide}&#10;\begin{document}&#10;&#10;\begin{eqnarray*}&#10;  \textcolor{blue}{&#10;   x[n]}       &amp;\textcolor{blue}{=}&amp;  \textcolor{blue}{c + a_1 \sin(\omega_1 n \ind{T}{s}) + a_2 \sin(\omega_2 n \ind{T}{s}),}\\&#10;              &amp; &amp; \textcolor{blue}{n=0,1,2,\ldots}&#10;\end{eqnarray*}&#10;&#10;\end{document}"/>
  <p:tag name="IGUANATEXSIZE" val="16"/>
  <p:tag name="IGUANATEXCURSOR" val="363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362,2047"/>
  <p:tag name="ORIGINALWIDTH" val="2121,485"/>
  <p:tag name="LATEXADDIN" val="\documentclass{article}&#10;\usepackage{amsmath}&#10;\pagestyle{empty}&#10;\usepackage{xcolor}&#10;\usepackage{latexsym}&#10;\usepackage{utilslide}&#10;\begin{document}&#10;&#10;\begin{equation*}&#10;  X[k] = \color{teal}{\sum_{n=0}^{N-1}} \color{blue}{x_n}\;&#10;         \color{orange}{ \mathrm{e}^{-i\frac{2 \pi}{N} k n}}&#10;         \color{black}{; \quad k=0,1,2,\ldots}&#10;\end{equation*}&#10;&#10;&#10;&#10;&#10;\end{document}"/>
  <p:tag name="IGUANATEXSIZE" val="16"/>
  <p:tag name="IGUANATEXCURSOR" val="331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40,9824"/>
  <p:tag name="ORIGINALWIDTH" val="1239,595"/>
  <p:tag name="LATEXADDIN" val="\documentclass{article}&#10;\usepackage{amsmath}&#10;\pagestyle{empty}&#10;\usepackage{xcolor}&#10;\usepackage{latexsym}&#10;\usepackage{utilslide}&#10;\begin{document}&#10;&#10;\begin{equation*}&#10;   \color{orange}{\mathrm{e}^{i \varphi}=\cos(\varphi) + i\;\sin(\varphi) } &#10;\end{equation*}&#10;&#10;&#10;&#10;&#10;\end{document}"/>
  <p:tag name="IGUANATEXSIZE" val="16"/>
  <p:tag name="IGUANATEXCURSOR" val="238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&quot;PresentationTitle&quot;)]]&#10;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CreatedDate&quot;)=&quot;&quot;,&quot;&quot;,Translate(&quot;Doc.PPT.Created&quot;) &amp; &quot; &quot; &amp; MasterProperty(&quot;CustomField&quot;, &quot;DocumentCreatedDate&quot;))]]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ModifiedDate&quot;)=&quot;&quot;,&quot;&quot;,Translate(&quot;Doc.PPT.Modified&quot;) &amp; &quot; &quot; &amp; MasterProperty(&quot;CustomField&quot;, &quot;DocumentModifiedDate&quot;))]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Status&quot;)=&quot;&quot;,&quot;&quot;,Translate(&quot;Doc.PPT.Status&quot;) &amp; &quot; &quot; &amp; MasterProperty(&quot;CustomField&quot;, &quot;Status&quot;))]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Classification&quot;)=&quot;&quot;,&quot;&quot;,Translate(&quot;Doc.PPT.Classification&quot;) &amp; &quot; &quot; &amp; MasterProperty(&quot;CustomField&quot;, &quot;Classification&quot;))]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707,536"/>
  <p:tag name="LATEXADDIN" val="\documentclass{article}&#10;\usepackage{amsmath}&#10;\pagestyle{empty}&#10;\usepackage{xcolor}&#10;\usepackage{latexsym}&#10;\usepackage{utilslide}&#10;\begin{document}&#10;&#10;\begin{equation*}&#10; x(t) = % c + &#10;        a_1 \sin(\omega_1 t) + a_2 \cos(\omega_2 t);&#10;\end{equation*}&#10;&#10;\end{document}"/>
  <p:tag name="IGUANATEXSIZE" val="16"/>
  <p:tag name="IGUANATEXCURSOR" val="174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875,8905"/>
  <p:tag name="ORIGINALWIDTH" val="1079,115"/>
  <p:tag name="LATEXADDIN" val="\documentclass{article}&#10;\usepackage{amsmath}&#10;\pagestyle{empty}&#10;\usepackage{xcolor}&#10;\usepackage{latexsym}&#10;\usepackage{utilslide}&#10;\usepackage{units}&#10;\begin{document}&#10;&#10;% Parameter:&#10;\begin{eqnarray*}&#10; % c &amp;=&amp; 0\\&#10; a_1 &amp;=&amp; 1.5\\&#10; \omega_1 &amp;=&amp; 2\; \pi\; 100\; \unit{Hz} \\ % \unit{rad/sec}\\&#10; a_2 &amp;=&amp; 2\\&#10; \omega_2 &amp;=&amp; 2\; \pi\; \underbrace{300\; \unit{Hz}}_{f_2 = \frac{1}{T_2}} % \unit{rad/sec}\\&#10;\end{eqnarray*}&#10;&#10;\end{document}"/>
  <p:tag name="IGUANATEXSIZE" val="16"/>
  <p:tag name="IGUANATEXCURSOR" val="296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UTPUTDPI" val="1200"/>
  <p:tag name="ORIGINALHEIGHT" val="125,2343"/>
  <p:tag name="ORIGINALWIDTH" val="1061,117"/>
  <p:tag name="LATEXADDIN" val="\documentclass{article}&#10;\usepackage{amsmath}&#10;\pagestyle{empty}&#10;\usepackage{xcolor}&#10;\usepackage{latexsym}&#10;\usepackage{utilslide}&#10;\usepackage{units}&#10;\begin{document}&#10;&#10;Note: $\left[\omega\right] = \unit{rad/sec}$&#10;&#10;\end{document}"/>
  <p:tag name="IGUANATEXSIZE" val="16"/>
  <p:tag name="IGUANATEXCURSOR" val="209"/>
  <p:tag name="TRANSPARENCY" val="Wahr"/>
  <p:tag name="LATEXENGINEID" val="0"/>
  <p:tag name="TEMPFOLDER" val="c:\temp\"/>
  <p:tag name="LATEXFORMHEIGHT" val="486"/>
  <p:tag name="LATEXFORMWIDTH" val="974"/>
  <p:tag name="LATEXFORMWRAP" val="Wahr"/>
  <p:tag name="BITMAPVECTOR" val="0"/>
</p:tagLst>
</file>

<file path=ppt/theme/theme1.xml><?xml version="1.0" encoding="utf-8"?>
<a:theme xmlns:a="http://schemas.openxmlformats.org/drawingml/2006/main" name="Default Theme">
  <a:themeElements>
    <a:clrScheme name="Festo Colors CC-D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717E86"/>
      </a:accent1>
      <a:accent2>
        <a:srgbClr val="B6C0C6"/>
      </a:accent2>
      <a:accent3>
        <a:srgbClr val="D9DEE1"/>
      </a:accent3>
      <a:accent4>
        <a:srgbClr val="0091DC"/>
      </a:accent4>
      <a:accent5>
        <a:srgbClr val="73C4EF"/>
      </a:accent5>
      <a:accent6>
        <a:srgbClr val="C9E6FA"/>
      </a:accent6>
      <a:hlink>
        <a:srgbClr val="000000"/>
      </a:hlink>
      <a:folHlink>
        <a:srgbClr val="717E86"/>
      </a:folHlink>
    </a:clrScheme>
    <a:fontScheme name="MetaPlusLF">
      <a:majorFont>
        <a:latin typeface="MetaPlusLF"/>
        <a:ea typeface=""/>
        <a:cs typeface=""/>
      </a:majorFont>
      <a:minorFont>
        <a:latin typeface="MetaPlusLF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sz="1600"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rtlCol="0">
        <a:spAutoFit/>
      </a:bodyPr>
      <a:lstStyle>
        <a:defPPr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Default Theme" id="{F2052123-57E8-4411-9BDA-66A262E3026D}" vid="{CBFB1F63-A884-4BA1-89EC-B1622470A336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Default Theme</Template>
  <TotalTime>0</TotalTime>
  <Words>142</Words>
  <Application>Microsoft Office PowerPoint</Application>
  <PresentationFormat>Benutzerdefiniert</PresentationFormat>
  <Paragraphs>26</Paragraphs>
  <Slides>4</Slides>
  <Notes>1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4</vt:i4>
      </vt:variant>
    </vt:vector>
  </HeadingPairs>
  <TitlesOfParts>
    <vt:vector size="8" baseType="lpstr">
      <vt:lpstr>Arial</vt:lpstr>
      <vt:lpstr>MetaPlusLF</vt:lpstr>
      <vt:lpstr>Calibri</vt:lpstr>
      <vt:lpstr>Default Theme</vt:lpstr>
      <vt:lpstr>How-to Implement a DFT on a Real-Time System</vt:lpstr>
      <vt:lpstr>FFT in Real-Time | Objectives</vt:lpstr>
      <vt:lpstr>FFT in Real-Time | Discrete Fourier Transform (DFT)</vt:lpstr>
      <vt:lpstr>FFT in Real-Time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Nitsche, Rainer</dc:creator>
  <cp:lastModifiedBy>Nitsche, Rainer</cp:lastModifiedBy>
  <cp:revision>198</cp:revision>
  <cp:lastPrinted>2023-06-28T09:25:42Z</cp:lastPrinted>
  <dcterms:created xsi:type="dcterms:W3CDTF">2021-10-08T12:33:28Z</dcterms:created>
  <dcterms:modified xsi:type="dcterms:W3CDTF">2024-02-06T15:55:0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9c86c25f-31f1-46f7-b4f9-3c53b1ed0b07_Enabled">
    <vt:lpwstr>true</vt:lpwstr>
  </property>
  <property fmtid="{D5CDD505-2E9C-101B-9397-08002B2CF9AE}" pid="3" name="MSIP_Label_9c86c25f-31f1-46f7-b4f9-3c53b1ed0b07_SetDate">
    <vt:lpwstr>2021-10-11T09:53:24Z</vt:lpwstr>
  </property>
  <property fmtid="{D5CDD505-2E9C-101B-9397-08002B2CF9AE}" pid="4" name="MSIP_Label_9c86c25f-31f1-46f7-b4f9-3c53b1ed0b07_Method">
    <vt:lpwstr>Standard</vt:lpwstr>
  </property>
  <property fmtid="{D5CDD505-2E9C-101B-9397-08002B2CF9AE}" pid="5" name="MSIP_Label_9c86c25f-31f1-46f7-b4f9-3c53b1ed0b07_Name">
    <vt:lpwstr>Internal</vt:lpwstr>
  </property>
  <property fmtid="{D5CDD505-2E9C-101B-9397-08002B2CF9AE}" pid="6" name="MSIP_Label_9c86c25f-31f1-46f7-b4f9-3c53b1ed0b07_SiteId">
    <vt:lpwstr>a1ae89fb-21b9-40bf-9d82-a10ae85a2407</vt:lpwstr>
  </property>
  <property fmtid="{D5CDD505-2E9C-101B-9397-08002B2CF9AE}" pid="7" name="MSIP_Label_9c86c25f-31f1-46f7-b4f9-3c53b1ed0b07_ActionId">
    <vt:lpwstr>deefeb31-4250-446f-85ea-3d0e905f3c8a</vt:lpwstr>
  </property>
  <property fmtid="{D5CDD505-2E9C-101B-9397-08002B2CF9AE}" pid="8" name="MSIP_Label_9c86c25f-31f1-46f7-b4f9-3c53b1ed0b07_ContentBits">
    <vt:lpwstr>0</vt:lpwstr>
  </property>
  <property fmtid="{D5CDD505-2E9C-101B-9397-08002B2CF9AE}" pid="9" name="Author">
    <vt:lpwstr>BC-DS / Rainer Nitsche</vt:lpwstr>
  </property>
  <property fmtid="{D5CDD505-2E9C-101B-9397-08002B2CF9AE}" pid="10" name="FooterTitle">
    <vt:lpwstr>RSD_24001 FFT on dSpace</vt:lpwstr>
  </property>
  <property fmtid="{D5CDD505-2E9C-101B-9397-08002B2CF9AE}" pid="11" name="FooterLanguage">
    <vt:lpwstr>en</vt:lpwstr>
  </property>
  <property fmtid="{D5CDD505-2E9C-101B-9397-08002B2CF9AE}" pid="12" name="Created">
    <vt:lpwstr>2/6/2024 1:00:00 AM</vt:lpwstr>
  </property>
  <property fmtid="{D5CDD505-2E9C-101B-9397-08002B2CF9AE}" pid="13" name="Modified">
    <vt:lpwstr/>
  </property>
  <property fmtid="{D5CDD505-2E9C-101B-9397-08002B2CF9AE}" pid="14" name="Status">
    <vt:lpwstr>0</vt:lpwstr>
  </property>
  <property fmtid="{D5CDD505-2E9C-101B-9397-08002B2CF9AE}" pid="15" name="Security">
    <vt:lpwstr>2</vt:lpwstr>
  </property>
</Properties>
</file>